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350"/>
  <workbookPr defaultThemeVersion="166925"/>
  <mc:AlternateContent xmlns:mc="http://schemas.openxmlformats.org/markup-compatibility/2006">
    <mc:Choice Requires="x15">
      <x15ac:absPath xmlns:x15ac="http://schemas.microsoft.com/office/spreadsheetml/2010/11/ac" url="C:\Users\i0621\Desktop\R3制度改正\"/>
    </mc:Choice>
  </mc:AlternateContent>
  <xr:revisionPtr revIDLastSave="0" documentId="13_ncr:1_{581F914C-D5F7-4250-800C-CAA0FC0F07FA}" xr6:coauthVersionLast="36" xr6:coauthVersionMax="36" xr10:uidLastSave="{00000000-0000-0000-0000-000000000000}"/>
  <bookViews>
    <workbookView xWindow="0" yWindow="0" windowWidth="20490" windowHeight="7560" tabRatio="500" activeTab="1" xr2:uid="{00000000-000D-0000-FFFF-FFFF00000000}"/>
  </bookViews>
  <sheets>
    <sheet name="★別紙２" sheetId="3" r:id="rId1"/>
    <sheet name="添付資料" sheetId="2" r:id="rId2"/>
    <sheet name="別紙27" sheetId="4" r:id="rId3"/>
    <sheet name="別紙29" sheetId="5" r:id="rId4"/>
  </sheets>
  <definedNames>
    <definedName name="____xlfn_IFERROR">#N/A</definedName>
    <definedName name="___xlfn_IFERROR">#N/A</definedName>
    <definedName name="__xlfn_IFERROR">#N/A</definedName>
    <definedName name="_xlnm.Print_Area" localSheetId="0">★別紙２!$A$1:$U$26</definedName>
    <definedName name="_xlnm.Print_Area" localSheetId="2">別紙27!$A$1:$AG$44</definedName>
    <definedName name="_xlnm.Print_Area" localSheetId="3">別紙29!$A$1:$AD$45</definedName>
    <definedName name="Z_918D9391_3166_42FD_8CCC_73DDA136E9AD__wvu_PrintArea" localSheetId="0">★別紙２!$A$1:$U$26</definedName>
  </definedNames>
  <calcPr calcId="191029"/>
  <extLst>
    <ext xmlns:loext="http://schemas.libreoffice.org/" uri="{7626C862-2A13-11E5-B345-FEFF819CDC9F}">
      <loext:extCalcPr stringRefSyntax="ExcelA1"/>
    </ext>
  </extLst>
</workbook>
</file>

<file path=xl/sharedStrings.xml><?xml version="1.0" encoding="utf-8"?>
<sst xmlns="http://schemas.openxmlformats.org/spreadsheetml/2006/main" count="223" uniqueCount="121">
  <si>
    <t>事 業 所 番 号</t>
  </si>
  <si>
    <t>提供サービス</t>
  </si>
  <si>
    <t>施設等の区分</t>
  </si>
  <si>
    <t>人員配置区分</t>
  </si>
  <si>
    <t>そ　 　　の　 　　他　　 　該　　 　当　　 　す 　　　る 　　　体 　　　制 　　　等</t>
  </si>
  <si>
    <t>割 引</t>
  </si>
  <si>
    <t>A2</t>
  </si>
  <si>
    <t>訪問型サービス（独自）</t>
  </si>
  <si>
    <t>特別地域加算</t>
  </si>
  <si>
    <t>１　なし　２　あり</t>
  </si>
  <si>
    <t>中山間地域等における小規模事業所加算（地域に関する状況）</t>
  </si>
  <si>
    <t>１　非該当　２　該当</t>
  </si>
  <si>
    <t>中山間地域等における小規模事業所加算（規模に関する状況）</t>
  </si>
  <si>
    <t>介護職員処遇改善加算</t>
  </si>
  <si>
    <t>１　なし　６　加算Ⅰ　５　加算Ⅱ　２　加算Ⅲ　３　加算Ⅳ
４　加算Ⅴ</t>
  </si>
  <si>
    <t>介護職員等特定処遇改善加算</t>
  </si>
  <si>
    <t>１　なし　２　加算Ⅰ　３　加算Ⅱ</t>
  </si>
  <si>
    <t>A6</t>
  </si>
  <si>
    <t>通所型サービス（独自）</t>
  </si>
  <si>
    <t>職員の欠員による減算の状況</t>
  </si>
  <si>
    <t>１　なし　２　看護職員　３　介護職員</t>
  </si>
  <si>
    <t>若年性認知症利用者受入加算</t>
  </si>
  <si>
    <t>生活機能向上グループ活動加算</t>
  </si>
  <si>
    <t>運動器機能向上体制</t>
  </si>
  <si>
    <t>口腔機能向上体制</t>
  </si>
  <si>
    <t>選択的サービス複数実施加算</t>
  </si>
  <si>
    <t>事業所評価加算〔申出〕の有無</t>
  </si>
  <si>
    <t>サービス提供体制強化加算</t>
  </si>
  <si>
    <t>生活機能向上連携加算</t>
  </si>
  <si>
    <t>　　　　　　　　総合事業費算定に係る体制等状況一覧表添付書類等チェックリスト</t>
  </si>
  <si>
    <t>事業所名</t>
  </si>
  <si>
    <t>提供
サービス</t>
  </si>
  <si>
    <t>該当する体制等</t>
  </si>
  <si>
    <t>チェック欄</t>
  </si>
  <si>
    <t>介護予防訪問介護相当サービス</t>
  </si>
  <si>
    <t>×</t>
  </si>
  <si>
    <t>なし（事業所所在地に準拠）</t>
  </si>
  <si>
    <t>中山間地域における小規模事業所加算計算書</t>
  </si>
  <si>
    <t>□</t>
  </si>
  <si>
    <t>介護職員処遇改善加算届出・所得根拠資料</t>
  </si>
  <si>
    <t>介護予防通所介護相当サービス</t>
  </si>
  <si>
    <t>従業者の勤務の体制及び勤務形態一覧表（提出済みの場合は省略可）</t>
  </si>
  <si>
    <t>資格証等の写し（提出済みの場合は省略可）</t>
  </si>
  <si>
    <t>若年性認知症利用者の担当者が確認できる書類</t>
  </si>
  <si>
    <t>理学療法士・作業療法士資格証等の写し（提出済みの場合は省略可）</t>
  </si>
  <si>
    <t>栄養アセスメント・栄養改善体制</t>
  </si>
  <si>
    <t>管理栄養士資格証等の写し（提出済みの場合は省略可）</t>
  </si>
  <si>
    <t>言語聴覚士・歯科衛生士・看護師等の資格証等の写し（提出済みの場合は省略可）</t>
  </si>
  <si>
    <t>（運動・栄養・口腔の複数の届出があること）</t>
  </si>
  <si>
    <t>事業所評価加算（申出）の有無</t>
  </si>
  <si>
    <t>サービス提供体制強化加算に関する届出書</t>
  </si>
  <si>
    <t>介護福祉士の割合が分かる書類</t>
  </si>
  <si>
    <t>連携の根拠となる書類（協定書、委託契約書等）
★書類の形式は問いませんが、理学療法士等の訪問など加算に係る業務について記載されていること及び双方の合意が確認できるものであることを要します。</t>
  </si>
  <si>
    <t>割引</t>
    <rPh sb="0" eb="2">
      <t>ワリビキ</t>
    </rPh>
    <phoneticPr fontId="12"/>
  </si>
  <si>
    <t>科学的介護推進体制加算</t>
  </si>
  <si>
    <t>１　なし　３　加算Ⅰ　２　加算Ⅱ</t>
  </si>
  <si>
    <t>口腔機能向上加算</t>
  </si>
  <si>
    <t>中山間地域等における小規模事業所
加算（規模に関する状況）</t>
  </si>
  <si>
    <t>中山間地域等における小規模事業所
加算（地域に関する状況）</t>
  </si>
  <si>
    <t>１　なし　５　加算Ⅰ　４　加算Ⅱ　６　加算Ⅲ</t>
  </si>
  <si>
    <t>LIFEへの登録</t>
  </si>
  <si>
    <t xml:space="preserve">介 護 予 防・日 常 生 活 支 援 総 合 事 業 費 算 定 に 係 る 体 制 等 状 況 一 覧 表 </t>
  </si>
  <si>
    <t>（別紙２７）</t>
  </si>
  <si>
    <t>令和　　年　　月　　日</t>
  </si>
  <si>
    <t>　伊奈町長　様</t>
    <rPh sb="1" eb="3">
      <t>イナ</t>
    </rPh>
    <rPh sb="3" eb="4">
      <t>チョウ</t>
    </rPh>
    <rPh sb="6" eb="7">
      <t>サマ</t>
    </rPh>
    <phoneticPr fontId="12"/>
  </si>
  <si>
    <t>事業所・施設名　　　　　　　</t>
  </si>
  <si>
    <t>介護予防・日常生活支援総合事業者による事業費の割引に係る割引率の設定について</t>
  </si>
  <si>
    <t>　1　割引率等</t>
  </si>
  <si>
    <t>事業所番号</t>
  </si>
  <si>
    <t>サービスの種類</t>
  </si>
  <si>
    <t>割引率</t>
  </si>
  <si>
    <t>適用条件</t>
  </si>
  <si>
    <t>％</t>
  </si>
  <si>
    <t>訪問型サービス（独自／定率）</t>
  </si>
  <si>
    <t>通所型サービス（独自／定率）</t>
  </si>
  <si>
    <t>その他サービス（配食／定率）</t>
  </si>
  <si>
    <t>その他サービス（見守り／定率）</t>
  </si>
  <si>
    <t>その他サービス（その他／定率）</t>
  </si>
  <si>
    <t>備考　「適用条件」欄には、当該割引率が適用される時間帯、曜日、日時について具体的に</t>
  </si>
  <si>
    <t>　　記載してください。</t>
  </si>
  <si>
    <t>　2　適用開始年月日　　　　　　年　　　月　　　日</t>
  </si>
  <si>
    <t>（別紙２９）</t>
  </si>
  <si>
    <t>令和</t>
  </si>
  <si>
    <t>年</t>
  </si>
  <si>
    <t>月</t>
  </si>
  <si>
    <t>日</t>
  </si>
  <si>
    <t>サービス提供体制強化加算に関する届出書
（通所型サービス）</t>
  </si>
  <si>
    <t>1　事 業 所 名</t>
  </si>
  <si>
    <t>2　異 動 区 分</t>
  </si>
  <si>
    <t>　１　新規　　　２　変更　　　３　終了</t>
  </si>
  <si>
    <t>3　届 出 項 目</t>
  </si>
  <si>
    <t>　１　サービス提供体制強化加算（Ⅰ）　２　サービス提供体制強化加算（Ⅱ）</t>
  </si>
  <si>
    <t>　３　サービス提供体制強化加算（Ⅲ）</t>
  </si>
  <si>
    <t>5　介護職員等の状況</t>
  </si>
  <si>
    <t>（１）サービス提供体制強化加算（Ⅰ）</t>
  </si>
  <si>
    <t>介護福祉士等の
状況</t>
  </si>
  <si>
    <t>①に占める②の割合が70％以上</t>
  </si>
  <si>
    <t>①</t>
  </si>
  <si>
    <t>介護職員の総数（常勤換算）</t>
  </si>
  <si>
    <t>人</t>
  </si>
  <si>
    <t>②</t>
  </si>
  <si>
    <t>①のうち介護福祉士の総数（常勤換算）</t>
  </si>
  <si>
    <r>
      <rPr>
        <sz val="11"/>
        <rFont val="HGSｺﾞｼｯｸM"/>
        <family val="3"/>
        <charset val="128"/>
      </rPr>
      <t xml:space="preserve">有 </t>
    </r>
    <r>
      <rPr>
        <sz val="14"/>
        <rFont val="HGSｺﾞｼｯｸM"/>
        <family val="3"/>
        <charset val="128"/>
      </rPr>
      <t>・</t>
    </r>
    <r>
      <rPr>
        <sz val="11"/>
        <rFont val="HGSｺﾞｼｯｸM"/>
        <family val="3"/>
        <charset val="128"/>
      </rPr>
      <t xml:space="preserve"> 無</t>
    </r>
  </si>
  <si>
    <t>又は</t>
  </si>
  <si>
    <t>①に占める③の割合が25％以上</t>
  </si>
  <si>
    <t>③</t>
  </si>
  <si>
    <t>①のうち勤続年数10年以上の介護福祉士の総数（常勤換算）</t>
  </si>
  <si>
    <t>（２）サービス提供体制強化加算（Ⅱ）</t>
  </si>
  <si>
    <t>①に占める②の割合が50％以上</t>
  </si>
  <si>
    <r>
      <rPr>
        <sz val="11"/>
        <rFont val="HGSｺﾞｼｯｸM"/>
        <family val="3"/>
        <charset val="128"/>
      </rPr>
      <t>（３）サービス提供体制強化加算（Ⅲ）</t>
    </r>
    <r>
      <rPr>
        <sz val="8"/>
        <rFont val="HGSｺﾞｼｯｸM"/>
        <family val="3"/>
        <charset val="128"/>
      </rPr>
      <t xml:space="preserve"> </t>
    </r>
    <r>
      <rPr>
        <sz val="7"/>
        <rFont val="HGSｺﾞｼｯｸM"/>
        <family val="3"/>
        <charset val="128"/>
      </rPr>
      <t>※介護福祉士等の状況、勤続年数の状況のうち、いずれか１つを満たすこと。</t>
    </r>
  </si>
  <si>
    <t>①に占める②の割合が40％以上</t>
  </si>
  <si>
    <t>勤続年数の状況</t>
  </si>
  <si>
    <t>①に占める②の割合が30％以上</t>
  </si>
  <si>
    <t>サービスを直接提供する者の総数
（常勤換算）</t>
  </si>
  <si>
    <t>①のうち勤続年数７年以上の者の総数（常勤換算）</t>
  </si>
  <si>
    <t>備考</t>
  </si>
  <si>
    <t>要件を満たすことが分かる根拠書類を準備し、保険者の定めに基づき、提出又は事業所に保管すること。</t>
  </si>
  <si>
    <t>別紙２７</t>
    <rPh sb="0" eb="2">
      <t>ベッシ</t>
    </rPh>
    <phoneticPr fontId="12"/>
  </si>
  <si>
    <t>別紙２７</t>
    <phoneticPr fontId="12"/>
  </si>
  <si>
    <t>別紙２９</t>
    <phoneticPr fontId="12"/>
  </si>
  <si>
    <t>（別紙２）</t>
    <phoneticPr fontId="1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0%"/>
  </numFmts>
  <fonts count="17" x14ac:knownFonts="1">
    <font>
      <sz val="11"/>
      <name val="ＭＳ Ｐゴシック"/>
      <family val="3"/>
      <charset val="128"/>
    </font>
    <font>
      <sz val="11"/>
      <name val="HGSｺﾞｼｯｸM"/>
      <family val="3"/>
      <charset val="128"/>
    </font>
    <font>
      <sz val="16"/>
      <name val="HGSｺﾞｼｯｸM"/>
      <family val="3"/>
      <charset val="128"/>
    </font>
    <font>
      <sz val="14"/>
      <name val="HGSｺﾞｼｯｸM"/>
      <family val="3"/>
      <charset val="128"/>
    </font>
    <font>
      <sz val="8"/>
      <color rgb="FF000000"/>
      <name val="ＭＳ Ｐゴシック"/>
      <family val="2"/>
      <charset val="128"/>
    </font>
    <font>
      <sz val="6"/>
      <color rgb="FF000000"/>
      <name val="ＭＳ Ｐゴシック"/>
      <family val="2"/>
      <charset val="128"/>
    </font>
    <font>
      <sz val="9"/>
      <color rgb="FF000000"/>
      <name val="ＭＳ Ｐゴシック"/>
      <family val="2"/>
      <charset val="128"/>
    </font>
    <font>
      <sz val="8"/>
      <name val="ＭＳ Ｐゴシック"/>
      <family val="3"/>
      <charset val="1"/>
    </font>
    <font>
      <sz val="12"/>
      <color rgb="FF000000"/>
      <name val="ＭＳ Ｐゴシック"/>
      <family val="2"/>
      <charset val="128"/>
    </font>
    <font>
      <sz val="10"/>
      <color rgb="FF000000"/>
      <name val="ＭＳ Ｐゴシック"/>
      <family val="2"/>
      <charset val="128"/>
    </font>
    <font>
      <sz val="8"/>
      <name val="ＭＳ Ｐゴシック"/>
      <family val="3"/>
      <charset val="128"/>
    </font>
    <font>
      <sz val="11"/>
      <name val="ＭＳ Ｐゴシック"/>
      <family val="3"/>
      <charset val="1"/>
    </font>
    <font>
      <sz val="6"/>
      <name val="ＭＳ Ｐゴシック"/>
      <family val="3"/>
      <charset val="128"/>
    </font>
    <font>
      <sz val="10.5"/>
      <name val="HGSｺﾞｼｯｸM"/>
      <family val="3"/>
      <charset val="128"/>
    </font>
    <font>
      <sz val="8"/>
      <name val="HGSｺﾞｼｯｸM"/>
      <family val="3"/>
      <charset val="128"/>
    </font>
    <font>
      <sz val="7"/>
      <name val="HGSｺﾞｼｯｸM"/>
      <family val="3"/>
      <charset val="128"/>
    </font>
    <font>
      <sz val="9"/>
      <name val="HGSｺﾞｼｯｸM"/>
      <family val="3"/>
      <charset val="128"/>
    </font>
  </fonts>
  <fills count="3">
    <fill>
      <patternFill patternType="none"/>
    </fill>
    <fill>
      <patternFill patternType="gray125"/>
    </fill>
    <fill>
      <patternFill patternType="solid">
        <fgColor indexed="9"/>
        <bgColor indexed="64"/>
      </patternFill>
    </fill>
  </fills>
  <borders count="52">
    <border>
      <left/>
      <right/>
      <top/>
      <bottom/>
      <diagonal/>
    </border>
    <border>
      <left style="thin">
        <color auto="1"/>
      </left>
      <right style="thin">
        <color auto="1"/>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style="thin">
        <color auto="1"/>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style="medium">
        <color auto="1"/>
      </right>
      <top style="medium">
        <color auto="1"/>
      </top>
      <bottom style="medium">
        <color auto="1"/>
      </bottom>
      <diagonal/>
    </border>
    <border>
      <left style="thin">
        <color auto="1"/>
      </left>
      <right style="medium">
        <color auto="1"/>
      </right>
      <top style="medium">
        <color auto="1"/>
      </top>
      <bottom style="thin">
        <color auto="1"/>
      </bottom>
      <diagonal/>
    </border>
    <border>
      <left/>
      <right/>
      <top style="thin">
        <color auto="1"/>
      </top>
      <bottom style="thin">
        <color auto="1"/>
      </bottom>
      <diagonal/>
    </border>
    <border>
      <left style="thin">
        <color auto="1"/>
      </left>
      <right style="medium">
        <color auto="1"/>
      </right>
      <top style="thin">
        <color auto="1"/>
      </top>
      <bottom style="thin">
        <color auto="1"/>
      </bottom>
      <diagonal/>
    </border>
    <border>
      <left style="thin">
        <color indexed="8"/>
      </left>
      <right style="thin">
        <color indexed="8"/>
      </right>
      <top style="dashed">
        <color indexed="8"/>
      </top>
      <bottom style="thin">
        <color indexed="8"/>
      </bottom>
      <diagonal/>
    </border>
    <border>
      <left style="thin">
        <color indexed="8"/>
      </left>
      <right style="thin">
        <color indexed="8"/>
      </right>
      <top style="thin">
        <color indexed="8"/>
      </top>
      <bottom style="thin">
        <color indexed="8"/>
      </bottom>
      <diagonal/>
    </border>
    <border>
      <left style="thin">
        <color indexed="8"/>
      </left>
      <right style="thin">
        <color indexed="8"/>
      </right>
      <top style="dashed">
        <color indexed="8"/>
      </top>
      <bottom style="dashed">
        <color indexed="8"/>
      </bottom>
      <diagonal/>
    </border>
    <border>
      <left style="thin">
        <color indexed="8"/>
      </left>
      <right style="thin">
        <color indexed="8"/>
      </right>
      <top style="thin">
        <color indexed="8"/>
      </top>
      <bottom style="dashed">
        <color indexed="8"/>
      </bottom>
      <diagonal/>
    </border>
    <border>
      <left/>
      <right style="thin">
        <color indexed="8"/>
      </right>
      <top style="thin">
        <color indexed="8"/>
      </top>
      <bottom style="thin">
        <color indexed="8"/>
      </bottom>
      <diagonal/>
    </border>
    <border>
      <left style="dashed">
        <color indexed="8"/>
      </left>
      <right style="dashed">
        <color indexed="8"/>
      </right>
      <top style="thin">
        <color indexed="8"/>
      </top>
      <bottom style="thin">
        <color indexed="8"/>
      </bottom>
      <diagonal/>
    </border>
    <border>
      <left/>
      <right style="thin">
        <color indexed="8"/>
      </right>
      <top/>
      <bottom/>
      <diagonal/>
    </border>
    <border>
      <left/>
      <right style="dashed">
        <color indexed="8"/>
      </right>
      <top style="thin">
        <color indexed="8"/>
      </top>
      <bottom style="thin">
        <color indexed="8"/>
      </bottom>
      <diagonal/>
    </border>
    <border>
      <left style="thin">
        <color indexed="8"/>
      </left>
      <right style="dashed">
        <color indexed="8"/>
      </right>
      <top style="thin">
        <color indexed="8"/>
      </top>
      <bottom style="thin">
        <color indexed="8"/>
      </bottom>
      <diagonal/>
    </border>
    <border>
      <left style="dashed">
        <color indexed="8"/>
      </left>
      <right style="thin">
        <color indexed="8"/>
      </right>
      <top style="thin">
        <color indexed="8"/>
      </top>
      <bottom style="thin">
        <color indexed="8"/>
      </bottom>
      <diagonal/>
    </border>
    <border>
      <left style="thin">
        <color indexed="8"/>
      </left>
      <right/>
      <top style="thin">
        <color indexed="8"/>
      </top>
      <bottom style="thin">
        <color indexed="8"/>
      </bottom>
      <diagonal/>
    </border>
    <border>
      <left/>
      <right/>
      <top style="thin">
        <color indexed="8"/>
      </top>
      <bottom style="thin">
        <color indexed="8"/>
      </bottom>
      <diagonal/>
    </border>
    <border>
      <left/>
      <right/>
      <top style="thin">
        <color indexed="8"/>
      </top>
      <bottom/>
      <diagonal/>
    </border>
    <border>
      <left/>
      <right/>
      <top/>
      <bottom style="thin">
        <color indexed="8"/>
      </bottom>
      <diagonal/>
    </border>
    <border>
      <left style="thin">
        <color indexed="8"/>
      </left>
      <right/>
      <top style="thin">
        <color indexed="8"/>
      </top>
      <bottom/>
      <diagonal/>
    </border>
    <border>
      <left/>
      <right style="thin">
        <color indexed="8"/>
      </right>
      <top style="thin">
        <color indexed="8"/>
      </top>
      <bottom/>
      <diagonal/>
    </border>
    <border>
      <left style="thin">
        <color indexed="8"/>
      </left>
      <right style="thin">
        <color indexed="8"/>
      </right>
      <top style="thin">
        <color indexed="8"/>
      </top>
      <bottom/>
      <diagonal/>
    </border>
    <border>
      <left style="thin">
        <color indexed="8"/>
      </left>
      <right style="thin">
        <color indexed="8"/>
      </right>
      <top/>
      <bottom style="thin">
        <color indexed="8"/>
      </bottom>
      <diagonal/>
    </border>
    <border>
      <left style="thin">
        <color indexed="8"/>
      </left>
      <right/>
      <top/>
      <bottom/>
      <diagonal/>
    </border>
    <border>
      <left style="thin">
        <color indexed="8"/>
      </left>
      <right style="thin">
        <color indexed="8"/>
      </right>
      <top/>
      <bottom/>
      <diagonal/>
    </border>
    <border>
      <left style="thin">
        <color indexed="8"/>
      </left>
      <right/>
      <top/>
      <bottom style="thin">
        <color indexed="8"/>
      </bottom>
      <diagonal/>
    </border>
    <border>
      <left/>
      <right style="thin">
        <color indexed="8"/>
      </right>
      <top/>
      <bottom style="thin">
        <color indexed="8"/>
      </bottom>
      <diagonal/>
    </border>
    <border>
      <left/>
      <right style="thin">
        <color auto="1"/>
      </right>
      <top style="thin">
        <color auto="1"/>
      </top>
      <bottom/>
      <diagonal/>
    </border>
    <border>
      <left style="medium">
        <color indexed="64"/>
      </left>
      <right style="medium">
        <color indexed="64"/>
      </right>
      <top/>
      <bottom style="medium">
        <color indexed="64"/>
      </bottom>
      <diagonal/>
    </border>
    <border>
      <left/>
      <right style="thin">
        <color auto="1"/>
      </right>
      <top/>
      <bottom style="medium">
        <color auto="1"/>
      </bottom>
      <diagonal/>
    </border>
    <border>
      <left style="thin">
        <color auto="1"/>
      </left>
      <right style="thin">
        <color auto="1"/>
      </right>
      <top/>
      <bottom style="medium">
        <color auto="1"/>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style="medium">
        <color indexed="64"/>
      </top>
      <bottom style="medium">
        <color indexed="64"/>
      </bottom>
      <diagonal/>
    </border>
    <border>
      <left/>
      <right style="medium">
        <color auto="1"/>
      </right>
      <top style="medium">
        <color auto="1"/>
      </top>
      <bottom style="thin">
        <color auto="1"/>
      </bottom>
      <diagonal/>
    </border>
    <border>
      <left style="medium">
        <color indexed="64"/>
      </left>
      <right style="medium">
        <color indexed="64"/>
      </right>
      <top style="medium">
        <color indexed="64"/>
      </top>
      <bottom style="thin">
        <color auto="1"/>
      </bottom>
      <diagonal/>
    </border>
    <border>
      <left style="medium">
        <color indexed="64"/>
      </left>
      <right style="medium">
        <color indexed="64"/>
      </right>
      <top style="medium">
        <color indexed="64"/>
      </top>
      <bottom/>
      <diagonal/>
    </border>
    <border>
      <left style="thin">
        <color indexed="64"/>
      </left>
      <right style="medium">
        <color indexed="8"/>
      </right>
      <top style="thin">
        <color indexed="64"/>
      </top>
      <bottom style="thin">
        <color indexed="64"/>
      </bottom>
      <diagonal/>
    </border>
    <border>
      <left style="medium">
        <color indexed="8"/>
      </left>
      <right style="medium">
        <color indexed="8"/>
      </right>
      <top style="thin">
        <color indexed="64"/>
      </top>
      <bottom style="thin">
        <color indexed="64"/>
      </bottom>
      <diagonal/>
    </border>
    <border>
      <left style="medium">
        <color indexed="8"/>
      </left>
      <right style="thin">
        <color indexed="64"/>
      </right>
      <top style="thin">
        <color indexed="64"/>
      </top>
      <bottom style="thin">
        <color indexed="64"/>
      </bottom>
      <diagonal/>
    </border>
    <border>
      <left style="thin">
        <color auto="1"/>
      </left>
      <right style="medium">
        <color auto="1"/>
      </right>
      <top style="thin">
        <color auto="1"/>
      </top>
      <bottom/>
      <diagonal/>
    </border>
    <border>
      <left style="thin">
        <color auto="1"/>
      </left>
      <right/>
      <top style="thin">
        <color auto="1"/>
      </top>
      <bottom style="thin">
        <color auto="1"/>
      </bottom>
      <diagonal/>
    </border>
    <border>
      <left style="thin">
        <color auto="1"/>
      </left>
      <right/>
      <top style="thin">
        <color auto="1"/>
      </top>
      <bottom/>
      <diagonal/>
    </border>
    <border>
      <left style="thin">
        <color auto="1"/>
      </left>
      <right/>
      <top/>
      <bottom style="thin">
        <color auto="1"/>
      </bottom>
      <diagonal/>
    </border>
    <border>
      <left style="thin">
        <color auto="1"/>
      </left>
      <right/>
      <top/>
      <bottom style="medium">
        <color auto="1"/>
      </bottom>
      <diagonal/>
    </border>
    <border>
      <left style="medium">
        <color indexed="64"/>
      </left>
      <right style="medium">
        <color indexed="64"/>
      </right>
      <top style="thin">
        <color auto="1"/>
      </top>
      <bottom style="medium">
        <color auto="1"/>
      </bottom>
      <diagonal/>
    </border>
    <border>
      <left style="medium">
        <color indexed="64"/>
      </left>
      <right style="medium">
        <color indexed="64"/>
      </right>
      <top style="thin">
        <color auto="1"/>
      </top>
      <bottom/>
      <diagonal/>
    </border>
  </borders>
  <cellStyleXfs count="1">
    <xf numFmtId="0" fontId="0" fillId="0" borderId="0"/>
  </cellStyleXfs>
  <cellXfs count="146">
    <xf numFmtId="0" fontId="0" fillId="0" borderId="0" xfId="0"/>
    <xf numFmtId="0" fontId="0" fillId="0" borderId="0" xfId="0" applyAlignment="1">
      <alignment vertical="center" wrapText="1"/>
    </xf>
    <xf numFmtId="0" fontId="0" fillId="0" borderId="0" xfId="0" applyAlignment="1">
      <alignment horizontal="center" vertical="center" wrapText="1"/>
    </xf>
    <xf numFmtId="0" fontId="0" fillId="0" borderId="4" xfId="0" applyFont="1" applyBorder="1" applyAlignment="1">
      <alignment vertical="center" wrapText="1"/>
    </xf>
    <xf numFmtId="0" fontId="0" fillId="0" borderId="5" xfId="0" applyBorder="1" applyAlignment="1">
      <alignment vertical="center" wrapText="1"/>
    </xf>
    <xf numFmtId="0" fontId="0" fillId="0" borderId="6" xfId="0" applyBorder="1" applyAlignment="1">
      <alignment horizontal="center" vertical="center" wrapText="1"/>
    </xf>
    <xf numFmtId="0" fontId="0" fillId="0" borderId="0" xfId="0" applyBorder="1" applyAlignment="1">
      <alignment horizontal="center" vertical="center" wrapText="1"/>
    </xf>
    <xf numFmtId="0" fontId="0" fillId="0" borderId="1" xfId="0" applyBorder="1" applyAlignment="1">
      <alignment horizontal="center" vertical="center" wrapText="1"/>
    </xf>
    <xf numFmtId="0" fontId="5" fillId="0" borderId="1" xfId="0" applyFont="1" applyBorder="1" applyAlignment="1">
      <alignment horizontal="center" vertical="center" wrapText="1"/>
    </xf>
    <xf numFmtId="0" fontId="0" fillId="0" borderId="2" xfId="0" applyBorder="1" applyAlignment="1">
      <alignment horizontal="center" vertical="center" wrapText="1"/>
    </xf>
    <xf numFmtId="0" fontId="0" fillId="0" borderId="8" xfId="0" applyBorder="1" applyAlignment="1">
      <alignment horizontal="center" vertical="center" wrapText="1"/>
    </xf>
    <xf numFmtId="0" fontId="6" fillId="0" borderId="9" xfId="0" applyFont="1" applyBorder="1" applyAlignment="1">
      <alignment horizontal="center" vertical="center" wrapText="1"/>
    </xf>
    <xf numFmtId="0" fontId="0" fillId="0" borderId="1" xfId="0" applyFont="1" applyBorder="1" applyAlignment="1">
      <alignment vertical="center" wrapText="1"/>
    </xf>
    <xf numFmtId="0" fontId="8" fillId="0" borderId="1" xfId="0" applyFont="1" applyBorder="1" applyAlignment="1">
      <alignment horizontal="center" vertical="center" wrapText="1"/>
    </xf>
    <xf numFmtId="0" fontId="0" fillId="0" borderId="9" xfId="0" applyBorder="1" applyAlignment="1">
      <alignment horizontal="center" vertical="center" wrapText="1"/>
    </xf>
    <xf numFmtId="0" fontId="9" fillId="0" borderId="1" xfId="0" applyFont="1" applyBorder="1" applyAlignment="1">
      <alignment horizontal="center" vertical="center" wrapText="1"/>
    </xf>
    <xf numFmtId="0" fontId="9" fillId="0" borderId="3" xfId="0" applyFont="1" applyBorder="1" applyAlignment="1">
      <alignment vertical="center" wrapText="1"/>
    </xf>
    <xf numFmtId="0" fontId="1" fillId="0" borderId="0" xfId="0" applyFont="1" applyFill="1" applyAlignment="1">
      <alignment horizontal="left" vertical="center"/>
    </xf>
    <xf numFmtId="0" fontId="1" fillId="0" borderId="0" xfId="0" applyFont="1" applyFill="1" applyAlignment="1">
      <alignment horizontal="center" vertical="center"/>
    </xf>
    <xf numFmtId="0" fontId="1" fillId="0" borderId="0" xfId="0" applyFont="1" applyFill="1" applyAlignment="1"/>
    <xf numFmtId="0" fontId="1" fillId="0" borderId="10" xfId="0" applyFont="1" applyFill="1" applyBorder="1" applyAlignment="1">
      <alignment horizontal="left" vertical="center"/>
    </xf>
    <xf numFmtId="0" fontId="1" fillId="0" borderId="12" xfId="0" applyFont="1" applyFill="1" applyBorder="1" applyAlignment="1">
      <alignment horizontal="left" vertical="center" wrapText="1"/>
    </xf>
    <xf numFmtId="0" fontId="1" fillId="0" borderId="12" xfId="0" applyFont="1" applyFill="1" applyBorder="1" applyAlignment="1">
      <alignment horizontal="left" vertical="center"/>
    </xf>
    <xf numFmtId="0" fontId="1" fillId="0" borderId="12" xfId="0" applyFont="1" applyFill="1" applyBorder="1" applyAlignment="1">
      <alignment horizontal="left" vertical="center" shrinkToFit="1"/>
    </xf>
    <xf numFmtId="0" fontId="1" fillId="0" borderId="13" xfId="0" applyFont="1" applyFill="1" applyBorder="1" applyAlignment="1">
      <alignment horizontal="left" vertical="center"/>
    </xf>
    <xf numFmtId="0" fontId="1" fillId="0" borderId="12" xfId="0" applyFont="1" applyFill="1" applyBorder="1" applyAlignment="1">
      <alignment vertical="center" wrapText="1"/>
    </xf>
    <xf numFmtId="0" fontId="1" fillId="0" borderId="13" xfId="0" applyFont="1" applyFill="1" applyBorder="1" applyAlignment="1">
      <alignment horizontal="left" vertical="center" wrapText="1"/>
    </xf>
    <xf numFmtId="0" fontId="1" fillId="0" borderId="11" xfId="0" applyFont="1" applyFill="1" applyBorder="1" applyAlignment="1">
      <alignment horizontal="center" vertical="center"/>
    </xf>
    <xf numFmtId="0" fontId="1" fillId="0" borderId="0" xfId="0" applyFont="1" applyFill="1" applyBorder="1" applyAlignment="1">
      <alignment horizontal="left" vertical="center"/>
    </xf>
    <xf numFmtId="0" fontId="1" fillId="0" borderId="0" xfId="0" applyFont="1" applyFill="1" applyBorder="1" applyAlignment="1">
      <alignment horizontal="center" vertical="center"/>
    </xf>
    <xf numFmtId="0" fontId="1" fillId="0" borderId="14" xfId="0" applyFont="1" applyFill="1" applyBorder="1" applyAlignment="1">
      <alignment horizontal="left" vertical="center"/>
    </xf>
    <xf numFmtId="0" fontId="1" fillId="0" borderId="15" xfId="0" applyFont="1" applyFill="1" applyBorder="1" applyAlignment="1">
      <alignment horizontal="left" vertical="center"/>
    </xf>
    <xf numFmtId="0" fontId="1" fillId="0" borderId="16" xfId="0" applyFont="1" applyFill="1" applyBorder="1" applyAlignment="1">
      <alignment horizontal="center" vertical="center"/>
    </xf>
    <xf numFmtId="0" fontId="1" fillId="0" borderId="17" xfId="0" applyFont="1" applyFill="1" applyBorder="1" applyAlignment="1">
      <alignment horizontal="left" vertical="center"/>
    </xf>
    <xf numFmtId="0" fontId="2" fillId="0" borderId="0" xfId="0" applyFont="1" applyFill="1" applyBorder="1" applyAlignment="1">
      <alignment horizontal="left" vertical="center"/>
    </xf>
    <xf numFmtId="0" fontId="3" fillId="2" borderId="0" xfId="0" applyFont="1" applyFill="1" applyAlignment="1">
      <alignment horizontal="left" vertical="top"/>
    </xf>
    <xf numFmtId="0" fontId="3" fillId="2" borderId="0" xfId="0" applyFont="1" applyFill="1" applyAlignment="1">
      <alignment horizontal="left" vertical="center"/>
    </xf>
    <xf numFmtId="0" fontId="3" fillId="2" borderId="0" xfId="0" applyFont="1" applyFill="1" applyAlignment="1">
      <alignment vertical="top"/>
    </xf>
    <xf numFmtId="0" fontId="3" fillId="2" borderId="0" xfId="0" applyFont="1" applyFill="1" applyAlignment="1">
      <alignment horizontal="center" vertical="top"/>
    </xf>
    <xf numFmtId="0" fontId="3" fillId="2" borderId="18" xfId="0" applyFont="1" applyFill="1" applyBorder="1" applyAlignment="1">
      <alignment horizontal="left" vertical="top"/>
    </xf>
    <xf numFmtId="0" fontId="3" fillId="2" borderId="15" xfId="0" applyFont="1" applyFill="1" applyBorder="1" applyAlignment="1">
      <alignment horizontal="left" vertical="top"/>
    </xf>
    <xf numFmtId="0" fontId="3" fillId="2" borderId="19" xfId="0" applyFont="1" applyFill="1" applyBorder="1" applyAlignment="1">
      <alignment horizontal="left" vertical="top"/>
    </xf>
    <xf numFmtId="0" fontId="3" fillId="2" borderId="20" xfId="0" applyFont="1" applyFill="1" applyBorder="1" applyAlignment="1">
      <alignment horizontal="left" vertical="center"/>
    </xf>
    <xf numFmtId="0" fontId="3" fillId="2" borderId="21" xfId="0" applyFont="1" applyFill="1" applyBorder="1" applyAlignment="1">
      <alignment horizontal="left" vertical="center"/>
    </xf>
    <xf numFmtId="0" fontId="3" fillId="2" borderId="14" xfId="0" applyFont="1" applyFill="1" applyBorder="1" applyAlignment="1">
      <alignment horizontal="left" vertical="center"/>
    </xf>
    <xf numFmtId="0" fontId="3" fillId="2" borderId="0" xfId="0" applyFont="1" applyFill="1" applyBorder="1" applyAlignment="1">
      <alignment horizontal="left" vertical="center"/>
    </xf>
    <xf numFmtId="0" fontId="3" fillId="2" borderId="22" xfId="0" applyFont="1" applyFill="1" applyBorder="1" applyAlignment="1">
      <alignment horizontal="left" vertical="center"/>
    </xf>
    <xf numFmtId="0" fontId="3" fillId="2" borderId="23" xfId="0" applyFont="1" applyFill="1" applyBorder="1" applyAlignment="1">
      <alignment horizontal="left" vertical="center"/>
    </xf>
    <xf numFmtId="0" fontId="3" fillId="2" borderId="24" xfId="0" applyFont="1" applyFill="1" applyBorder="1" applyAlignment="1">
      <alignment horizontal="left" vertical="center"/>
    </xf>
    <xf numFmtId="0" fontId="3" fillId="2" borderId="25" xfId="0" applyFont="1" applyFill="1" applyBorder="1" applyAlignment="1">
      <alignment horizontal="left" vertical="center"/>
    </xf>
    <xf numFmtId="0" fontId="1" fillId="2" borderId="0" xfId="0" applyFont="1" applyFill="1" applyAlignment="1">
      <alignment horizontal="left" vertical="center"/>
    </xf>
    <xf numFmtId="0" fontId="1" fillId="2" borderId="0" xfId="0" applyFont="1" applyFill="1" applyAlignment="1">
      <alignment horizontal="right" vertical="center"/>
    </xf>
    <xf numFmtId="0" fontId="13" fillId="2" borderId="0" xfId="0" applyFont="1" applyFill="1" applyBorder="1" applyAlignment="1">
      <alignment vertical="center"/>
    </xf>
    <xf numFmtId="0" fontId="13" fillId="2" borderId="16" xfId="0" applyFont="1" applyFill="1" applyBorder="1" applyAlignment="1">
      <alignment vertical="center"/>
    </xf>
    <xf numFmtId="0" fontId="1" fillId="2" borderId="0" xfId="0" applyFont="1" applyFill="1" applyAlignment="1"/>
    <xf numFmtId="0" fontId="1" fillId="2" borderId="0" xfId="0" applyFont="1" applyFill="1" applyBorder="1" applyAlignment="1">
      <alignment horizontal="left" vertical="center"/>
    </xf>
    <xf numFmtId="0" fontId="1" fillId="2" borderId="0" xfId="0" applyFont="1" applyFill="1" applyBorder="1" applyAlignment="1">
      <alignment vertical="center"/>
    </xf>
    <xf numFmtId="0" fontId="1" fillId="2" borderId="24" xfId="0" applyFont="1" applyFill="1" applyBorder="1" applyAlignment="1">
      <alignment horizontal="left" vertical="center"/>
    </xf>
    <xf numFmtId="0" fontId="1" fillId="2" borderId="22" xfId="0" applyFont="1" applyFill="1" applyBorder="1" applyAlignment="1">
      <alignment horizontal="left" vertical="center"/>
    </xf>
    <xf numFmtId="0" fontId="1" fillId="2" borderId="28" xfId="0" applyFont="1" applyFill="1" applyBorder="1" applyAlignment="1">
      <alignment horizontal="left" vertical="center"/>
    </xf>
    <xf numFmtId="176" fontId="1" fillId="2" borderId="28" xfId="0" applyNumberFormat="1" applyFont="1" applyFill="1" applyBorder="1" applyAlignment="1">
      <alignment horizontal="center" vertical="center"/>
    </xf>
    <xf numFmtId="0" fontId="1" fillId="2" borderId="11" xfId="0" applyFont="1" applyFill="1" applyBorder="1" applyAlignment="1">
      <alignment horizontal="center" vertical="center"/>
    </xf>
    <xf numFmtId="0" fontId="1" fillId="2" borderId="21" xfId="0" applyFont="1" applyFill="1" applyBorder="1" applyAlignment="1">
      <alignment horizontal="left" vertical="center"/>
    </xf>
    <xf numFmtId="0" fontId="1" fillId="2" borderId="14" xfId="0" applyFont="1" applyFill="1" applyBorder="1" applyAlignment="1">
      <alignment horizontal="left" vertical="center"/>
    </xf>
    <xf numFmtId="0" fontId="13" fillId="2" borderId="21" xfId="0" applyFont="1" applyFill="1" applyBorder="1" applyAlignment="1">
      <alignment horizontal="left" vertical="center"/>
    </xf>
    <xf numFmtId="0" fontId="1" fillId="2" borderId="31" xfId="0" applyFont="1" applyFill="1" applyBorder="1" applyAlignment="1">
      <alignment horizontal="left" vertical="center"/>
    </xf>
    <xf numFmtId="176" fontId="1" fillId="2" borderId="0" xfId="0" applyNumberFormat="1" applyFont="1" applyFill="1" applyBorder="1" applyAlignment="1">
      <alignment vertical="center"/>
    </xf>
    <xf numFmtId="0" fontId="1" fillId="2" borderId="16" xfId="0" applyFont="1" applyFill="1" applyBorder="1" applyAlignment="1">
      <alignment vertical="center"/>
    </xf>
    <xf numFmtId="0" fontId="1" fillId="2" borderId="30" xfId="0" applyFont="1" applyFill="1" applyBorder="1" applyAlignment="1">
      <alignment horizontal="left" vertical="center"/>
    </xf>
    <xf numFmtId="0" fontId="1" fillId="2" borderId="23" xfId="0" applyFont="1" applyFill="1" applyBorder="1" applyAlignment="1">
      <alignment horizontal="left" vertical="center"/>
    </xf>
    <xf numFmtId="176" fontId="1" fillId="2" borderId="23" xfId="0" applyNumberFormat="1" applyFont="1" applyFill="1" applyBorder="1" applyAlignment="1">
      <alignment vertical="center"/>
    </xf>
    <xf numFmtId="0" fontId="1" fillId="2" borderId="23" xfId="0" applyFont="1" applyFill="1" applyBorder="1" applyAlignment="1">
      <alignment vertical="center"/>
    </xf>
    <xf numFmtId="0" fontId="1" fillId="2" borderId="31" xfId="0" applyFont="1" applyFill="1" applyBorder="1" applyAlignment="1">
      <alignment vertical="center"/>
    </xf>
    <xf numFmtId="0" fontId="1" fillId="2" borderId="0" xfId="0" applyFont="1" applyFill="1" applyBorder="1" applyAlignment="1">
      <alignment horizontal="center" vertical="center" wrapText="1"/>
    </xf>
    <xf numFmtId="0" fontId="1" fillId="2" borderId="22" xfId="0" applyFont="1" applyFill="1" applyBorder="1" applyAlignment="1">
      <alignment vertical="center"/>
    </xf>
    <xf numFmtId="0" fontId="1" fillId="2" borderId="25" xfId="0" applyFont="1" applyFill="1" applyBorder="1" applyAlignment="1">
      <alignment vertical="center"/>
    </xf>
    <xf numFmtId="0" fontId="14" fillId="2" borderId="0" xfId="0" applyFont="1" applyFill="1" applyBorder="1" applyAlignment="1">
      <alignment vertical="center" shrinkToFit="1"/>
    </xf>
    <xf numFmtId="0" fontId="14" fillId="2" borderId="16" xfId="0" applyFont="1" applyFill="1" applyBorder="1" applyAlignment="1">
      <alignment vertical="center" shrinkToFit="1"/>
    </xf>
    <xf numFmtId="0" fontId="1" fillId="2" borderId="27" xfId="0" applyFont="1" applyFill="1" applyBorder="1" applyAlignment="1">
      <alignment horizontal="center" vertical="center"/>
    </xf>
    <xf numFmtId="0" fontId="13" fillId="2" borderId="30" xfId="0" applyFont="1" applyFill="1" applyBorder="1" applyAlignment="1">
      <alignment horizontal="left" vertical="center"/>
    </xf>
    <xf numFmtId="0" fontId="1" fillId="2" borderId="0" xfId="0" applyFont="1" applyFill="1" applyBorder="1" applyAlignment="1">
      <alignment vertical="center" wrapText="1"/>
    </xf>
    <xf numFmtId="0" fontId="1" fillId="2" borderId="0" xfId="0" applyFont="1" applyFill="1" applyBorder="1" applyAlignment="1">
      <alignment horizontal="left"/>
    </xf>
    <xf numFmtId="0" fontId="1" fillId="2" borderId="0" xfId="0" applyFont="1" applyFill="1" applyAlignment="1">
      <alignment horizontal="left"/>
    </xf>
    <xf numFmtId="0" fontId="1" fillId="2" borderId="0" xfId="0" applyFont="1" applyFill="1" applyAlignment="1">
      <alignment horizontal="center"/>
    </xf>
    <xf numFmtId="0" fontId="0" fillId="0" borderId="2" xfId="0" applyFont="1" applyBorder="1" applyAlignment="1">
      <alignment vertical="center" wrapText="1"/>
    </xf>
    <xf numFmtId="0" fontId="0" fillId="0" borderId="32" xfId="0" applyFont="1" applyBorder="1" applyAlignment="1">
      <alignment horizontal="left" vertical="center" wrapText="1"/>
    </xf>
    <xf numFmtId="0" fontId="0" fillId="0" borderId="34" xfId="0" applyFont="1" applyBorder="1" applyAlignment="1">
      <alignment vertical="center" wrapText="1"/>
    </xf>
    <xf numFmtId="0" fontId="8" fillId="0" borderId="35" xfId="0" applyFont="1" applyBorder="1" applyAlignment="1">
      <alignment horizontal="center" vertical="center" wrapText="1"/>
    </xf>
    <xf numFmtId="0" fontId="11" fillId="0" borderId="35" xfId="0" applyFont="1" applyBorder="1" applyAlignment="1">
      <alignment vertical="center" wrapText="1"/>
    </xf>
    <xf numFmtId="0" fontId="11" fillId="0" borderId="1" xfId="0" applyFont="1" applyBorder="1" applyAlignment="1">
      <alignment vertical="center" wrapText="1"/>
    </xf>
    <xf numFmtId="0" fontId="2" fillId="0" borderId="0" xfId="0" applyFont="1" applyFill="1" applyBorder="1" applyAlignment="1">
      <alignment horizontal="center" vertical="center"/>
    </xf>
    <xf numFmtId="0" fontId="1" fillId="0" borderId="11" xfId="0" applyFont="1" applyFill="1" applyBorder="1" applyAlignment="1">
      <alignment horizontal="center" vertical="center"/>
    </xf>
    <xf numFmtId="0" fontId="1" fillId="0" borderId="11" xfId="0" applyFont="1" applyFill="1" applyBorder="1" applyAlignment="1">
      <alignment horizontal="left" vertical="center"/>
    </xf>
    <xf numFmtId="0" fontId="1" fillId="0" borderId="13" xfId="0" applyFont="1" applyFill="1" applyBorder="1" applyAlignment="1">
      <alignment horizontal="left" vertical="center"/>
    </xf>
    <xf numFmtId="0" fontId="1" fillId="0" borderId="11" xfId="0" applyFont="1" applyFill="1" applyBorder="1" applyAlignment="1">
      <alignment horizontal="left" vertical="top"/>
    </xf>
    <xf numFmtId="0" fontId="1" fillId="0" borderId="12" xfId="0" applyFont="1" applyFill="1" applyBorder="1" applyAlignment="1">
      <alignment horizontal="left" vertical="center" wrapText="1"/>
    </xf>
    <xf numFmtId="0" fontId="1" fillId="0" borderId="12" xfId="0" applyFont="1" applyFill="1" applyBorder="1" applyAlignment="1">
      <alignment horizontal="left" vertical="center"/>
    </xf>
    <xf numFmtId="0" fontId="1" fillId="0" borderId="10" xfId="0" applyFont="1" applyFill="1" applyBorder="1" applyAlignment="1">
      <alignment horizontal="left" vertical="center"/>
    </xf>
    <xf numFmtId="0" fontId="0" fillId="0" borderId="0" xfId="0" applyFont="1" applyBorder="1" applyAlignment="1">
      <alignment horizontal="center" vertical="center" wrapText="1"/>
    </xf>
    <xf numFmtId="0" fontId="4" fillId="0" borderId="40" xfId="0" applyFont="1" applyBorder="1" applyAlignment="1">
      <alignment horizontal="center" vertical="center" wrapText="1"/>
    </xf>
    <xf numFmtId="0" fontId="4" fillId="0" borderId="38" xfId="0" applyFont="1" applyBorder="1" applyAlignment="1">
      <alignment horizontal="center" vertical="center" wrapText="1"/>
    </xf>
    <xf numFmtId="0" fontId="0" fillId="0" borderId="39" xfId="0" applyFont="1" applyBorder="1" applyAlignment="1">
      <alignment horizontal="center" vertical="center" wrapText="1"/>
    </xf>
    <xf numFmtId="0" fontId="0" fillId="0" borderId="7" xfId="0" applyFont="1" applyBorder="1" applyAlignment="1">
      <alignment horizontal="center" vertical="center" wrapText="1"/>
    </xf>
    <xf numFmtId="0" fontId="0" fillId="0" borderId="2" xfId="0" applyFont="1" applyBorder="1" applyAlignment="1">
      <alignment horizontal="left" vertical="center" wrapText="1"/>
    </xf>
    <xf numFmtId="0" fontId="7" fillId="0" borderId="41" xfId="0" applyFont="1" applyBorder="1" applyAlignment="1">
      <alignment horizontal="center" vertical="center" textRotation="255" shrinkToFit="1"/>
    </xf>
    <xf numFmtId="0" fontId="7" fillId="0" borderId="37" xfId="0" applyFont="1" applyBorder="1" applyAlignment="1">
      <alignment horizontal="center" vertical="center" textRotation="255" shrinkToFit="1"/>
    </xf>
    <xf numFmtId="0" fontId="7" fillId="0" borderId="33" xfId="0" applyFont="1" applyBorder="1" applyAlignment="1">
      <alignment horizontal="center" vertical="center" textRotation="255" shrinkToFit="1"/>
    </xf>
    <xf numFmtId="0" fontId="10" fillId="0" borderId="36" xfId="0" applyFont="1" applyBorder="1" applyAlignment="1">
      <alignment horizontal="center" vertical="center" textRotation="255" shrinkToFit="1"/>
    </xf>
    <xf numFmtId="0" fontId="10" fillId="0" borderId="37" xfId="0" applyFont="1" applyBorder="1" applyAlignment="1">
      <alignment horizontal="center" vertical="center" textRotation="255" shrinkToFit="1"/>
    </xf>
    <xf numFmtId="0" fontId="10" fillId="0" borderId="33" xfId="0" applyFont="1" applyBorder="1" applyAlignment="1">
      <alignment horizontal="center" vertical="center" textRotation="255" shrinkToFit="1"/>
    </xf>
    <xf numFmtId="0" fontId="3" fillId="2" borderId="11" xfId="0" applyFont="1" applyFill="1" applyBorder="1" applyAlignment="1">
      <alignment horizontal="left" vertical="top" wrapText="1"/>
    </xf>
    <xf numFmtId="0" fontId="3" fillId="2" borderId="0" xfId="0" applyFont="1" applyFill="1" applyBorder="1" applyAlignment="1">
      <alignment horizontal="left" vertical="top" wrapText="1"/>
    </xf>
    <xf numFmtId="0" fontId="3" fillId="2" borderId="11" xfId="0" applyFont="1" applyFill="1" applyBorder="1" applyAlignment="1">
      <alignment horizontal="center" vertical="center"/>
    </xf>
    <xf numFmtId="0" fontId="3" fillId="2" borderId="14" xfId="0" applyFont="1" applyFill="1" applyBorder="1" applyAlignment="1">
      <alignment horizontal="center" vertical="center"/>
    </xf>
    <xf numFmtId="0" fontId="13" fillId="2" borderId="11" xfId="0" applyFont="1" applyFill="1" applyBorder="1" applyAlignment="1">
      <alignment horizontal="left" vertical="center" wrapText="1"/>
    </xf>
    <xf numFmtId="0" fontId="1" fillId="2" borderId="0" xfId="0" applyFont="1" applyFill="1" applyBorder="1" applyAlignment="1">
      <alignment horizontal="center" vertical="center" wrapText="1"/>
    </xf>
    <xf numFmtId="0" fontId="1" fillId="2" borderId="20" xfId="0" applyFont="1" applyFill="1" applyBorder="1" applyAlignment="1">
      <alignment horizontal="left" vertical="center"/>
    </xf>
    <xf numFmtId="0" fontId="1" fillId="2" borderId="42" xfId="0" applyFont="1" applyFill="1" applyBorder="1" applyAlignment="1">
      <alignment horizontal="left" vertical="center"/>
    </xf>
    <xf numFmtId="0" fontId="1" fillId="2" borderId="43" xfId="0" applyFont="1" applyFill="1" applyBorder="1" applyAlignment="1">
      <alignment horizontal="left" vertical="center"/>
    </xf>
    <xf numFmtId="0" fontId="1" fillId="2" borderId="44" xfId="0" applyFont="1" applyFill="1" applyBorder="1" applyAlignment="1">
      <alignment horizontal="left" vertical="center"/>
    </xf>
    <xf numFmtId="0" fontId="13" fillId="2" borderId="30" xfId="0" applyFont="1" applyFill="1" applyBorder="1" applyAlignment="1">
      <alignment vertical="center"/>
    </xf>
    <xf numFmtId="0" fontId="1" fillId="2" borderId="11" xfId="0" applyFont="1" applyFill="1" applyBorder="1" applyAlignment="1">
      <alignment horizontal="left" vertical="center"/>
    </xf>
    <xf numFmtId="0" fontId="13" fillId="2" borderId="26" xfId="0" applyFont="1" applyFill="1" applyBorder="1" applyAlignment="1"/>
    <xf numFmtId="0" fontId="13" fillId="2" borderId="27" xfId="0" applyFont="1" applyFill="1" applyBorder="1" applyAlignment="1">
      <alignment vertical="top"/>
    </xf>
    <xf numFmtId="0" fontId="1" fillId="2" borderId="20" xfId="0" applyFont="1" applyFill="1" applyBorder="1" applyAlignment="1">
      <alignment vertical="center"/>
    </xf>
    <xf numFmtId="0" fontId="1" fillId="2" borderId="29" xfId="0" applyFont="1" applyFill="1" applyBorder="1" applyAlignment="1">
      <alignment horizontal="center" vertical="center"/>
    </xf>
    <xf numFmtId="0" fontId="1" fillId="2" borderId="11" xfId="0" applyFont="1" applyFill="1" applyBorder="1" applyAlignment="1">
      <alignment horizontal="center" vertical="center" wrapText="1"/>
    </xf>
    <xf numFmtId="0" fontId="13" fillId="2" borderId="20" xfId="0" applyFont="1" applyFill="1" applyBorder="1" applyAlignment="1">
      <alignment horizontal="left" vertical="center" wrapText="1"/>
    </xf>
    <xf numFmtId="0" fontId="1" fillId="2" borderId="30" xfId="0" applyFont="1" applyFill="1" applyBorder="1" applyAlignment="1">
      <alignment vertical="center"/>
    </xf>
    <xf numFmtId="0" fontId="14" fillId="2" borderId="25" xfId="0" applyFont="1" applyFill="1" applyBorder="1" applyAlignment="1">
      <alignment horizontal="center" vertical="center" shrinkToFit="1"/>
    </xf>
    <xf numFmtId="0" fontId="1" fillId="2" borderId="16" xfId="0" applyFont="1" applyFill="1" applyBorder="1" applyAlignment="1">
      <alignment horizontal="center" vertical="center"/>
    </xf>
    <xf numFmtId="0" fontId="16" fillId="2" borderId="0" xfId="0" applyFont="1" applyFill="1" applyBorder="1" applyAlignment="1">
      <alignment horizontal="center" vertical="top" wrapText="1"/>
    </xf>
    <xf numFmtId="0" fontId="16" fillId="2" borderId="0" xfId="0" applyFont="1" applyFill="1" applyBorder="1" applyAlignment="1">
      <alignment vertical="top" wrapText="1"/>
    </xf>
    <xf numFmtId="0" fontId="13" fillId="2" borderId="11" xfId="0" applyFont="1" applyFill="1" applyBorder="1" applyAlignment="1">
      <alignment vertical="center" wrapText="1"/>
    </xf>
    <xf numFmtId="0" fontId="8" fillId="0" borderId="46" xfId="0" applyFont="1" applyBorder="1" applyAlignment="1">
      <alignment horizontal="center" vertical="center" wrapText="1"/>
    </xf>
    <xf numFmtId="0" fontId="0" fillId="0" borderId="46" xfId="0" applyBorder="1" applyAlignment="1">
      <alignment horizontal="center" vertical="center" wrapText="1"/>
    </xf>
    <xf numFmtId="0" fontId="9" fillId="0" borderId="47" xfId="0" applyFont="1" applyBorder="1" applyAlignment="1">
      <alignment horizontal="center" vertical="center" wrapText="1"/>
    </xf>
    <xf numFmtId="0" fontId="9" fillId="0" borderId="48" xfId="0" applyFont="1" applyBorder="1" applyAlignment="1">
      <alignment horizontal="center" vertical="center" wrapText="1"/>
    </xf>
    <xf numFmtId="0" fontId="9" fillId="0" borderId="46" xfId="0" applyFont="1" applyBorder="1" applyAlignment="1">
      <alignment horizontal="center" vertical="center" wrapText="1"/>
    </xf>
    <xf numFmtId="0" fontId="9" fillId="0" borderId="47" xfId="0" applyFont="1" applyBorder="1" applyAlignment="1">
      <alignment horizontal="center" vertical="center" wrapText="1"/>
    </xf>
    <xf numFmtId="0" fontId="9" fillId="0" borderId="49" xfId="0" applyFont="1" applyBorder="1" applyAlignment="1">
      <alignment horizontal="center" vertical="center" wrapText="1"/>
    </xf>
    <xf numFmtId="0" fontId="0" fillId="0" borderId="45" xfId="0" applyBorder="1" applyAlignment="1">
      <alignment horizontal="center" vertical="center" wrapText="1"/>
    </xf>
    <xf numFmtId="0" fontId="0" fillId="0" borderId="38" xfId="0" applyBorder="1" applyAlignment="1">
      <alignment horizontal="center" vertical="center" wrapText="1"/>
    </xf>
    <xf numFmtId="0" fontId="0" fillId="0" borderId="50" xfId="0" applyBorder="1" applyAlignment="1">
      <alignment horizontal="center" vertical="center" wrapText="1"/>
    </xf>
    <xf numFmtId="0" fontId="0" fillId="0" borderId="51" xfId="0" applyBorder="1" applyAlignment="1">
      <alignment horizontal="center" vertical="center" wrapText="1"/>
    </xf>
    <xf numFmtId="0" fontId="0" fillId="0" borderId="33" xfId="0" applyBorder="1" applyAlignment="1">
      <alignment horizontal="center"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5</xdr:col>
      <xdr:colOff>57150</xdr:colOff>
      <xdr:row>4</xdr:row>
      <xdr:rowOff>0</xdr:rowOff>
    </xdr:from>
    <xdr:to>
      <xdr:col>24</xdr:col>
      <xdr:colOff>152400</xdr:colOff>
      <xdr:row>5</xdr:row>
      <xdr:rowOff>19050</xdr:rowOff>
    </xdr:to>
    <xdr:sp macro="" textlink="" fLocksText="0">
      <xdr:nvSpPr>
        <xdr:cNvPr id="2" name="大かっこ 1">
          <a:extLst>
            <a:ext uri="{FF2B5EF4-FFF2-40B4-BE49-F238E27FC236}">
              <a16:creationId xmlns:a16="http://schemas.microsoft.com/office/drawing/2014/main" id="{A160388E-803A-41ED-830D-7E93EC521739}"/>
            </a:ext>
          </a:extLst>
        </xdr:cNvPr>
        <xdr:cNvSpPr>
          <a:spLocks noChangeArrowheads="1"/>
        </xdr:cNvSpPr>
      </xdr:nvSpPr>
      <xdr:spPr bwMode="auto">
        <a:xfrm>
          <a:off x="1104900" y="685800"/>
          <a:ext cx="4619625" cy="371475"/>
        </a:xfrm>
        <a:prstGeom prst="bracketPair">
          <a:avLst>
            <a:gd name="adj" fmla="val 12662"/>
          </a:avLst>
        </a:prstGeom>
        <a:noFill/>
        <a:ln w="9360" cap="sq">
          <a:solidFill>
            <a:srgbClr val="000000"/>
          </a:solidFill>
          <a:miter lim="800000"/>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440B7B0-E894-46C5-AD4B-264675D832D4}">
  <sheetPr>
    <pageSetUpPr fitToPage="1"/>
  </sheetPr>
  <dimension ref="A2:U25"/>
  <sheetViews>
    <sheetView view="pageBreakPreview" topLeftCell="A4" zoomScale="70" zoomScaleNormal="100" zoomScaleSheetLayoutView="70" workbookViewId="0">
      <selection activeCell="E35" sqref="E35"/>
    </sheetView>
  </sheetViews>
  <sheetFormatPr defaultRowHeight="20.25" customHeight="1" x14ac:dyDescent="0.15"/>
  <cols>
    <col min="1" max="1" width="4.25" style="18" customWidth="1"/>
    <col min="2" max="2" width="25" style="17" customWidth="1"/>
    <col min="3" max="3" width="41.625" style="17" customWidth="1"/>
    <col min="4" max="4" width="19.625" style="17" customWidth="1"/>
    <col min="5" max="5" width="33.875" style="17" customWidth="1"/>
    <col min="6" max="6" width="25" style="17" customWidth="1"/>
    <col min="7" max="7" width="13.625" style="17" customWidth="1"/>
    <col min="8" max="21" width="4.875" style="17" customWidth="1"/>
    <col min="22" max="16384" width="9" style="17"/>
  </cols>
  <sheetData>
    <row r="2" spans="1:21" ht="20.25" customHeight="1" x14ac:dyDescent="0.15">
      <c r="A2" s="34" t="s">
        <v>120</v>
      </c>
      <c r="B2" s="28"/>
      <c r="C2" s="28"/>
      <c r="D2" s="28"/>
      <c r="E2" s="28"/>
      <c r="F2" s="28"/>
      <c r="G2" s="28"/>
      <c r="H2" s="28"/>
      <c r="I2" s="28"/>
      <c r="J2" s="28"/>
      <c r="K2" s="28"/>
      <c r="L2" s="28"/>
      <c r="M2" s="28"/>
      <c r="N2" s="28"/>
      <c r="O2" s="28"/>
      <c r="P2" s="28"/>
      <c r="Q2" s="28"/>
      <c r="R2" s="28"/>
      <c r="S2" s="28"/>
      <c r="T2" s="28"/>
      <c r="U2" s="28"/>
    </row>
    <row r="3" spans="1:21" ht="20.25" customHeight="1" x14ac:dyDescent="0.15">
      <c r="A3" s="90" t="s">
        <v>61</v>
      </c>
      <c r="B3" s="90"/>
      <c r="C3" s="90"/>
      <c r="D3" s="90"/>
      <c r="E3" s="90"/>
      <c r="F3" s="90"/>
      <c r="G3" s="90"/>
      <c r="H3" s="90"/>
      <c r="I3" s="90"/>
      <c r="J3" s="90"/>
      <c r="K3" s="90"/>
      <c r="L3" s="90"/>
      <c r="M3" s="90"/>
      <c r="N3" s="90"/>
      <c r="O3" s="90"/>
      <c r="P3" s="90"/>
      <c r="Q3" s="90"/>
      <c r="R3" s="90"/>
      <c r="S3" s="90"/>
      <c r="T3" s="90"/>
      <c r="U3" s="90"/>
    </row>
    <row r="4" spans="1:21" ht="20.25" customHeight="1" x14ac:dyDescent="0.15">
      <c r="A4" s="29"/>
      <c r="B4" s="28"/>
      <c r="C4" s="28"/>
      <c r="D4" s="28"/>
      <c r="E4" s="28"/>
      <c r="F4" s="28"/>
      <c r="G4" s="28"/>
      <c r="H4" s="28"/>
      <c r="I4" s="28"/>
      <c r="J4" s="28"/>
      <c r="K4" s="28"/>
      <c r="L4" s="28"/>
      <c r="M4" s="28"/>
      <c r="N4" s="28"/>
      <c r="O4" s="28"/>
      <c r="P4" s="28"/>
      <c r="Q4" s="28"/>
      <c r="R4" s="28"/>
      <c r="S4" s="28"/>
      <c r="T4" s="28"/>
      <c r="U4" s="28"/>
    </row>
    <row r="5" spans="1:21" ht="30" customHeight="1" x14ac:dyDescent="0.15">
      <c r="A5" s="29"/>
      <c r="B5" s="28"/>
      <c r="C5" s="28"/>
      <c r="D5" s="28"/>
      <c r="E5" s="28"/>
      <c r="F5" s="28"/>
      <c r="G5" s="32"/>
      <c r="H5" s="91" t="s">
        <v>0</v>
      </c>
      <c r="I5" s="91"/>
      <c r="J5" s="91"/>
      <c r="K5" s="91"/>
      <c r="L5" s="33"/>
      <c r="M5" s="31"/>
      <c r="N5" s="31"/>
      <c r="O5" s="31"/>
      <c r="P5" s="31"/>
      <c r="Q5" s="31"/>
      <c r="R5" s="31"/>
      <c r="S5" s="31"/>
      <c r="T5" s="31"/>
      <c r="U5" s="30"/>
    </row>
    <row r="6" spans="1:21" ht="20.25" customHeight="1" x14ac:dyDescent="0.15">
      <c r="A6" s="29"/>
      <c r="B6" s="28"/>
      <c r="C6" s="28"/>
      <c r="D6" s="28"/>
      <c r="E6" s="28"/>
      <c r="F6" s="28"/>
      <c r="G6" s="28"/>
      <c r="H6" s="28"/>
      <c r="I6" s="28"/>
      <c r="J6" s="28"/>
      <c r="K6" s="28"/>
      <c r="L6" s="28"/>
      <c r="M6" s="28"/>
      <c r="N6" s="28"/>
      <c r="O6" s="28"/>
      <c r="P6" s="28"/>
      <c r="Q6" s="28"/>
      <c r="R6" s="28"/>
      <c r="S6" s="28"/>
      <c r="T6" s="28"/>
      <c r="U6" s="28"/>
    </row>
    <row r="7" spans="1:21" ht="17.25" customHeight="1" x14ac:dyDescent="0.15">
      <c r="A7" s="91" t="s">
        <v>1</v>
      </c>
      <c r="B7" s="91"/>
      <c r="C7" s="27" t="s">
        <v>2</v>
      </c>
      <c r="D7" s="27" t="s">
        <v>3</v>
      </c>
      <c r="E7" s="91" t="s">
        <v>4</v>
      </c>
      <c r="F7" s="91"/>
      <c r="G7" s="91"/>
      <c r="H7" s="91"/>
      <c r="I7" s="91"/>
      <c r="J7" s="91"/>
      <c r="K7" s="91"/>
      <c r="L7" s="91"/>
      <c r="M7" s="91"/>
      <c r="N7" s="91" t="s">
        <v>60</v>
      </c>
      <c r="O7" s="91"/>
      <c r="P7" s="91"/>
      <c r="Q7" s="91"/>
      <c r="R7" s="91" t="s">
        <v>5</v>
      </c>
      <c r="S7" s="91"/>
      <c r="T7" s="91"/>
      <c r="U7" s="91"/>
    </row>
    <row r="8" spans="1:21" ht="19.5" customHeight="1" x14ac:dyDescent="0.15">
      <c r="A8" s="91" t="s">
        <v>6</v>
      </c>
      <c r="B8" s="92" t="s">
        <v>7</v>
      </c>
      <c r="C8" s="91"/>
      <c r="D8" s="91"/>
      <c r="E8" s="26" t="s">
        <v>8</v>
      </c>
      <c r="F8" s="93" t="s">
        <v>9</v>
      </c>
      <c r="G8" s="93"/>
      <c r="H8" s="93"/>
      <c r="I8" s="93"/>
      <c r="J8" s="93"/>
      <c r="K8" s="93"/>
      <c r="L8" s="93"/>
      <c r="M8" s="93"/>
      <c r="N8" s="94" t="s">
        <v>9</v>
      </c>
      <c r="O8" s="94"/>
      <c r="P8" s="94"/>
      <c r="Q8" s="94"/>
      <c r="R8" s="94" t="s">
        <v>9</v>
      </c>
      <c r="S8" s="94"/>
      <c r="T8" s="94"/>
      <c r="U8" s="94"/>
    </row>
    <row r="9" spans="1:21" ht="33" customHeight="1" x14ac:dyDescent="0.15">
      <c r="A9" s="91"/>
      <c r="B9" s="92"/>
      <c r="C9" s="91"/>
      <c r="D9" s="91"/>
      <c r="E9" s="25" t="s">
        <v>58</v>
      </c>
      <c r="F9" s="96" t="s">
        <v>11</v>
      </c>
      <c r="G9" s="96"/>
      <c r="H9" s="96"/>
      <c r="I9" s="96"/>
      <c r="J9" s="96"/>
      <c r="K9" s="96"/>
      <c r="L9" s="96"/>
      <c r="M9" s="96"/>
      <c r="N9" s="94"/>
      <c r="O9" s="94"/>
      <c r="P9" s="94"/>
      <c r="Q9" s="94"/>
      <c r="R9" s="94"/>
      <c r="S9" s="94"/>
      <c r="T9" s="94"/>
      <c r="U9" s="94"/>
    </row>
    <row r="10" spans="1:21" ht="33" customHeight="1" x14ac:dyDescent="0.15">
      <c r="A10" s="91"/>
      <c r="B10" s="92"/>
      <c r="C10" s="91"/>
      <c r="D10" s="91"/>
      <c r="E10" s="25" t="s">
        <v>57</v>
      </c>
      <c r="F10" s="96" t="s">
        <v>11</v>
      </c>
      <c r="G10" s="96"/>
      <c r="H10" s="96"/>
      <c r="I10" s="96"/>
      <c r="J10" s="96"/>
      <c r="K10" s="96"/>
      <c r="L10" s="96"/>
      <c r="M10" s="96"/>
      <c r="N10" s="94"/>
      <c r="O10" s="94"/>
      <c r="P10" s="94"/>
      <c r="Q10" s="94"/>
      <c r="R10" s="94"/>
      <c r="S10" s="94"/>
      <c r="T10" s="94"/>
      <c r="U10" s="94"/>
    </row>
    <row r="11" spans="1:21" ht="33" customHeight="1" x14ac:dyDescent="0.15">
      <c r="A11" s="91"/>
      <c r="B11" s="92"/>
      <c r="C11" s="91"/>
      <c r="D11" s="91"/>
      <c r="E11" s="25" t="s">
        <v>13</v>
      </c>
      <c r="F11" s="95" t="s">
        <v>14</v>
      </c>
      <c r="G11" s="95"/>
      <c r="H11" s="95"/>
      <c r="I11" s="95"/>
      <c r="J11" s="95"/>
      <c r="K11" s="95"/>
      <c r="L11" s="95"/>
      <c r="M11" s="95"/>
      <c r="N11" s="94"/>
      <c r="O11" s="94"/>
      <c r="P11" s="94"/>
      <c r="Q11" s="94"/>
      <c r="R11" s="94"/>
      <c r="S11" s="94"/>
      <c r="T11" s="94"/>
      <c r="U11" s="94"/>
    </row>
    <row r="12" spans="1:21" ht="19.5" customHeight="1" x14ac:dyDescent="0.15">
      <c r="A12" s="91"/>
      <c r="B12" s="92"/>
      <c r="C12" s="91"/>
      <c r="D12" s="91"/>
      <c r="E12" s="20" t="s">
        <v>15</v>
      </c>
      <c r="F12" s="97" t="s">
        <v>16</v>
      </c>
      <c r="G12" s="97"/>
      <c r="H12" s="97"/>
      <c r="I12" s="97"/>
      <c r="J12" s="97"/>
      <c r="K12" s="97"/>
      <c r="L12" s="97"/>
      <c r="M12" s="97"/>
      <c r="N12" s="94"/>
      <c r="O12" s="94"/>
      <c r="P12" s="94"/>
      <c r="Q12" s="94"/>
      <c r="R12" s="94"/>
      <c r="S12" s="94"/>
      <c r="T12" s="94"/>
      <c r="U12" s="94"/>
    </row>
    <row r="13" spans="1:21" ht="19.5" customHeight="1" x14ac:dyDescent="0.15">
      <c r="A13" s="91" t="s">
        <v>17</v>
      </c>
      <c r="B13" s="92" t="s">
        <v>18</v>
      </c>
      <c r="C13" s="91"/>
      <c r="D13" s="94"/>
      <c r="E13" s="24" t="s">
        <v>19</v>
      </c>
      <c r="F13" s="93" t="s">
        <v>20</v>
      </c>
      <c r="G13" s="93"/>
      <c r="H13" s="93"/>
      <c r="I13" s="93"/>
      <c r="J13" s="93"/>
      <c r="K13" s="93"/>
      <c r="L13" s="93"/>
      <c r="M13" s="93"/>
      <c r="N13" s="94" t="s">
        <v>9</v>
      </c>
      <c r="O13" s="94"/>
      <c r="P13" s="94"/>
      <c r="Q13" s="94"/>
      <c r="R13" s="94" t="s">
        <v>9</v>
      </c>
      <c r="S13" s="94"/>
      <c r="T13" s="94"/>
      <c r="U13" s="94"/>
    </row>
    <row r="14" spans="1:21" ht="19.5" customHeight="1" x14ac:dyDescent="0.15">
      <c r="A14" s="91"/>
      <c r="B14" s="92"/>
      <c r="C14" s="91"/>
      <c r="D14" s="94"/>
      <c r="E14" s="22" t="s">
        <v>21</v>
      </c>
      <c r="F14" s="96" t="s">
        <v>9</v>
      </c>
      <c r="G14" s="96"/>
      <c r="H14" s="96"/>
      <c r="I14" s="96"/>
      <c r="J14" s="96"/>
      <c r="K14" s="96"/>
      <c r="L14" s="96"/>
      <c r="M14" s="96"/>
      <c r="N14" s="94"/>
      <c r="O14" s="94"/>
      <c r="P14" s="94"/>
      <c r="Q14" s="94"/>
      <c r="R14" s="94"/>
      <c r="S14" s="94"/>
      <c r="T14" s="94"/>
      <c r="U14" s="94"/>
    </row>
    <row r="15" spans="1:21" ht="19.5" customHeight="1" x14ac:dyDescent="0.15">
      <c r="A15" s="91"/>
      <c r="B15" s="92"/>
      <c r="C15" s="91"/>
      <c r="D15" s="94"/>
      <c r="E15" s="23" t="s">
        <v>22</v>
      </c>
      <c r="F15" s="96" t="s">
        <v>9</v>
      </c>
      <c r="G15" s="96"/>
      <c r="H15" s="96"/>
      <c r="I15" s="96"/>
      <c r="J15" s="96"/>
      <c r="K15" s="96"/>
      <c r="L15" s="96"/>
      <c r="M15" s="96"/>
      <c r="N15" s="94"/>
      <c r="O15" s="94"/>
      <c r="P15" s="94"/>
      <c r="Q15" s="94"/>
      <c r="R15" s="94"/>
      <c r="S15" s="94"/>
      <c r="T15" s="94"/>
      <c r="U15" s="94"/>
    </row>
    <row r="16" spans="1:21" ht="19.5" customHeight="1" x14ac:dyDescent="0.15">
      <c r="A16" s="91"/>
      <c r="B16" s="92"/>
      <c r="C16" s="91"/>
      <c r="D16" s="94"/>
      <c r="E16" s="22" t="s">
        <v>23</v>
      </c>
      <c r="F16" s="96" t="s">
        <v>9</v>
      </c>
      <c r="G16" s="96"/>
      <c r="H16" s="96"/>
      <c r="I16" s="96"/>
      <c r="J16" s="96"/>
      <c r="K16" s="96"/>
      <c r="L16" s="96"/>
      <c r="M16" s="96"/>
      <c r="N16" s="94"/>
      <c r="O16" s="94"/>
      <c r="P16" s="94"/>
      <c r="Q16" s="94"/>
      <c r="R16" s="94"/>
      <c r="S16" s="94"/>
      <c r="T16" s="94"/>
      <c r="U16" s="94"/>
    </row>
    <row r="17" spans="1:21" ht="19.5" customHeight="1" x14ac:dyDescent="0.15">
      <c r="A17" s="91"/>
      <c r="B17" s="92"/>
      <c r="C17" s="91"/>
      <c r="D17" s="94"/>
      <c r="E17" s="19" t="s">
        <v>45</v>
      </c>
      <c r="F17" s="96" t="s">
        <v>9</v>
      </c>
      <c r="G17" s="96"/>
      <c r="H17" s="96"/>
      <c r="I17" s="96"/>
      <c r="J17" s="96"/>
      <c r="K17" s="96"/>
      <c r="L17" s="96"/>
      <c r="M17" s="96"/>
      <c r="N17" s="94"/>
      <c r="O17" s="94"/>
      <c r="P17" s="94"/>
      <c r="Q17" s="94"/>
      <c r="R17" s="94"/>
      <c r="S17" s="94"/>
      <c r="T17" s="94"/>
      <c r="U17" s="94"/>
    </row>
    <row r="18" spans="1:21" ht="19.5" customHeight="1" x14ac:dyDescent="0.15">
      <c r="A18" s="91"/>
      <c r="B18" s="92"/>
      <c r="C18" s="91"/>
      <c r="D18" s="94"/>
      <c r="E18" s="21" t="s">
        <v>56</v>
      </c>
      <c r="F18" s="95" t="s">
        <v>9</v>
      </c>
      <c r="G18" s="95"/>
      <c r="H18" s="95"/>
      <c r="I18" s="95"/>
      <c r="J18" s="95"/>
      <c r="K18" s="95"/>
      <c r="L18" s="95"/>
      <c r="M18" s="95"/>
      <c r="N18" s="94"/>
      <c r="O18" s="94"/>
      <c r="P18" s="94"/>
      <c r="Q18" s="94"/>
      <c r="R18" s="94"/>
      <c r="S18" s="94"/>
      <c r="T18" s="94"/>
      <c r="U18" s="94"/>
    </row>
    <row r="19" spans="1:21" ht="19.5" customHeight="1" x14ac:dyDescent="0.15">
      <c r="A19" s="91"/>
      <c r="B19" s="92"/>
      <c r="C19" s="91"/>
      <c r="D19" s="94"/>
      <c r="E19" s="22" t="s">
        <v>25</v>
      </c>
      <c r="F19" s="96" t="s">
        <v>9</v>
      </c>
      <c r="G19" s="96"/>
      <c r="H19" s="96"/>
      <c r="I19" s="96"/>
      <c r="J19" s="96"/>
      <c r="K19" s="96"/>
      <c r="L19" s="96"/>
      <c r="M19" s="96"/>
      <c r="N19" s="94"/>
      <c r="O19" s="94"/>
      <c r="P19" s="94"/>
      <c r="Q19" s="94"/>
      <c r="R19" s="94"/>
      <c r="S19" s="94"/>
      <c r="T19" s="94"/>
      <c r="U19" s="94"/>
    </row>
    <row r="20" spans="1:21" ht="19.5" customHeight="1" x14ac:dyDescent="0.15">
      <c r="A20" s="91"/>
      <c r="B20" s="92"/>
      <c r="C20" s="91"/>
      <c r="D20" s="94"/>
      <c r="E20" s="22" t="s">
        <v>26</v>
      </c>
      <c r="F20" s="96" t="s">
        <v>9</v>
      </c>
      <c r="G20" s="96"/>
      <c r="H20" s="96"/>
      <c r="I20" s="96"/>
      <c r="J20" s="96"/>
      <c r="K20" s="96"/>
      <c r="L20" s="96"/>
      <c r="M20" s="96"/>
      <c r="N20" s="94"/>
      <c r="O20" s="94"/>
      <c r="P20" s="94"/>
      <c r="Q20" s="94"/>
      <c r="R20" s="94"/>
      <c r="S20" s="94"/>
      <c r="T20" s="94"/>
      <c r="U20" s="94"/>
    </row>
    <row r="21" spans="1:21" ht="18.75" customHeight="1" x14ac:dyDescent="0.15">
      <c r="A21" s="91"/>
      <c r="B21" s="92"/>
      <c r="C21" s="91"/>
      <c r="D21" s="94"/>
      <c r="E21" s="22" t="s">
        <v>27</v>
      </c>
      <c r="F21" s="95" t="s">
        <v>59</v>
      </c>
      <c r="G21" s="95"/>
      <c r="H21" s="95"/>
      <c r="I21" s="95"/>
      <c r="J21" s="95"/>
      <c r="K21" s="95"/>
      <c r="L21" s="95"/>
      <c r="M21" s="95"/>
      <c r="N21" s="94"/>
      <c r="O21" s="94"/>
      <c r="P21" s="94"/>
      <c r="Q21" s="94"/>
      <c r="R21" s="94"/>
      <c r="S21" s="94"/>
      <c r="T21" s="94"/>
      <c r="U21" s="94"/>
    </row>
    <row r="22" spans="1:21" ht="19.5" customHeight="1" x14ac:dyDescent="0.15">
      <c r="A22" s="91"/>
      <c r="B22" s="92"/>
      <c r="C22" s="91"/>
      <c r="D22" s="94"/>
      <c r="E22" s="21" t="s">
        <v>28</v>
      </c>
      <c r="F22" s="96" t="s">
        <v>55</v>
      </c>
      <c r="G22" s="96"/>
      <c r="H22" s="96"/>
      <c r="I22" s="96"/>
      <c r="J22" s="96"/>
      <c r="K22" s="96"/>
      <c r="L22" s="96"/>
      <c r="M22" s="96"/>
      <c r="N22" s="94"/>
      <c r="O22" s="94"/>
      <c r="P22" s="94"/>
      <c r="Q22" s="94"/>
      <c r="R22" s="94"/>
      <c r="S22" s="94"/>
      <c r="T22" s="94"/>
      <c r="U22" s="94"/>
    </row>
    <row r="23" spans="1:21" ht="19.5" customHeight="1" x14ac:dyDescent="0.15">
      <c r="A23" s="91"/>
      <c r="B23" s="92"/>
      <c r="C23" s="91"/>
      <c r="D23" s="94"/>
      <c r="E23" s="22" t="s">
        <v>54</v>
      </c>
      <c r="F23" s="96" t="s">
        <v>9</v>
      </c>
      <c r="G23" s="96"/>
      <c r="H23" s="96"/>
      <c r="I23" s="96"/>
      <c r="J23" s="96"/>
      <c r="K23" s="96"/>
      <c r="L23" s="96"/>
      <c r="M23" s="96"/>
      <c r="N23" s="94"/>
      <c r="O23" s="94"/>
      <c r="P23" s="94"/>
      <c r="Q23" s="94"/>
      <c r="R23" s="94"/>
      <c r="S23" s="94"/>
      <c r="T23" s="94"/>
      <c r="U23" s="94"/>
    </row>
    <row r="24" spans="1:21" ht="33" customHeight="1" x14ac:dyDescent="0.15">
      <c r="A24" s="91"/>
      <c r="B24" s="92"/>
      <c r="C24" s="91"/>
      <c r="D24" s="94"/>
      <c r="E24" s="25" t="s">
        <v>13</v>
      </c>
      <c r="F24" s="95" t="s">
        <v>14</v>
      </c>
      <c r="G24" s="95"/>
      <c r="H24" s="95"/>
      <c r="I24" s="95"/>
      <c r="J24" s="95"/>
      <c r="K24" s="95"/>
      <c r="L24" s="95"/>
      <c r="M24" s="95"/>
      <c r="N24" s="94"/>
      <c r="O24" s="94"/>
      <c r="P24" s="94"/>
      <c r="Q24" s="94"/>
      <c r="R24" s="94"/>
      <c r="S24" s="94"/>
      <c r="T24" s="94"/>
      <c r="U24" s="94"/>
    </row>
    <row r="25" spans="1:21" ht="19.5" customHeight="1" x14ac:dyDescent="0.15">
      <c r="A25" s="91"/>
      <c r="B25" s="92"/>
      <c r="C25" s="91"/>
      <c r="D25" s="94"/>
      <c r="E25" s="20" t="s">
        <v>15</v>
      </c>
      <c r="F25" s="97" t="s">
        <v>16</v>
      </c>
      <c r="G25" s="97"/>
      <c r="H25" s="97"/>
      <c r="I25" s="97"/>
      <c r="J25" s="97"/>
      <c r="K25" s="97"/>
      <c r="L25" s="97"/>
      <c r="M25" s="97"/>
      <c r="N25" s="94"/>
      <c r="O25" s="94"/>
      <c r="P25" s="94"/>
      <c r="Q25" s="94"/>
      <c r="R25" s="94"/>
      <c r="S25" s="94"/>
      <c r="T25" s="94"/>
      <c r="U25" s="94"/>
    </row>
  </sheetData>
  <sheetProtection selectLockedCells="1" selectUnlockedCells="1"/>
  <mergeCells count="36">
    <mergeCell ref="N13:Q25"/>
    <mergeCell ref="R13:U25"/>
    <mergeCell ref="F16:M16"/>
    <mergeCell ref="F17:M17"/>
    <mergeCell ref="F18:M18"/>
    <mergeCell ref="F19:M19"/>
    <mergeCell ref="F22:M22"/>
    <mergeCell ref="F23:M23"/>
    <mergeCell ref="F24:M24"/>
    <mergeCell ref="F25:M25"/>
    <mergeCell ref="F20:M20"/>
    <mergeCell ref="R8:U12"/>
    <mergeCell ref="F9:M9"/>
    <mergeCell ref="F10:M10"/>
    <mergeCell ref="F11:M11"/>
    <mergeCell ref="F12:M12"/>
    <mergeCell ref="N8:Q12"/>
    <mergeCell ref="A13:A25"/>
    <mergeCell ref="B13:B25"/>
    <mergeCell ref="C13:C25"/>
    <mergeCell ref="D13:D25"/>
    <mergeCell ref="F13:M13"/>
    <mergeCell ref="F21:M21"/>
    <mergeCell ref="F14:M14"/>
    <mergeCell ref="F15:M15"/>
    <mergeCell ref="A8:A12"/>
    <mergeCell ref="B8:B12"/>
    <mergeCell ref="C8:C12"/>
    <mergeCell ref="D8:D12"/>
    <mergeCell ref="F8:M8"/>
    <mergeCell ref="A3:U3"/>
    <mergeCell ref="H5:K5"/>
    <mergeCell ref="A7:B7"/>
    <mergeCell ref="E7:M7"/>
    <mergeCell ref="N7:Q7"/>
    <mergeCell ref="R7:U7"/>
  </mergeCells>
  <phoneticPr fontId="12"/>
  <printOptions horizontalCentered="1"/>
  <pageMargins left="0.2361111111111111" right="0.2361111111111111" top="0.74791666666666667" bottom="0.74861111111111112" header="0.51180555555555551" footer="0.31527777777777777"/>
  <pageSetup paperSize="9" scale="63" firstPageNumber="57" fitToHeight="0" orientation="landscape" cellComments="atEnd" useFirstPageNumber="1" horizontalDpi="300" verticalDpi="300" r:id="rId1"/>
  <headerFooter alignWithMargins="0">
    <oddFooter>&amp;C&amp;"HGSｺﾞｼｯｸM,標準"&amp;16 1－&amp;P</oddFooter>
  </headerFooter>
  <rowBreaks count="1" manualBreakCount="1">
    <brk id="25"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AMK28"/>
  <sheetViews>
    <sheetView tabSelected="1" view="pageBreakPreview" topLeftCell="A10" zoomScale="60" zoomScaleNormal="100" workbookViewId="0">
      <selection activeCell="K20" sqref="K20"/>
    </sheetView>
  </sheetViews>
  <sheetFormatPr defaultRowHeight="13.5" x14ac:dyDescent="0.15"/>
  <cols>
    <col min="1" max="1" width="6.5" style="1" customWidth="1"/>
    <col min="2" max="2" width="31.75" style="1" customWidth="1"/>
    <col min="3" max="3" width="3.75" style="2" customWidth="1"/>
    <col min="4" max="4" width="49.25" style="1" customWidth="1"/>
    <col min="5" max="5" width="10.75" style="2" customWidth="1"/>
    <col min="6" max="6" width="3.125" style="1" customWidth="1"/>
    <col min="7" max="1025" width="9.5" style="1" customWidth="1"/>
  </cols>
  <sheetData>
    <row r="1" spans="1:6" ht="24.75" customHeight="1" x14ac:dyDescent="0.15">
      <c r="A1" s="98" t="s">
        <v>29</v>
      </c>
      <c r="B1" s="98"/>
      <c r="C1" s="98"/>
      <c r="D1" s="98"/>
      <c r="E1" s="98"/>
      <c r="F1" s="98"/>
    </row>
    <row r="2" spans="1:6" ht="28.5" customHeight="1" thickBot="1" x14ac:dyDescent="0.2">
      <c r="A2" s="3" t="s">
        <v>30</v>
      </c>
      <c r="B2" s="4"/>
      <c r="C2" s="5"/>
      <c r="D2"/>
      <c r="E2" s="6"/>
      <c r="F2"/>
    </row>
    <row r="3" spans="1:6" ht="23.25" customHeight="1" thickBot="1" x14ac:dyDescent="0.2">
      <c r="A3" s="99" t="s">
        <v>31</v>
      </c>
      <c r="B3" s="101" t="s">
        <v>32</v>
      </c>
      <c r="C3" s="102"/>
      <c r="D3" s="102"/>
      <c r="E3" s="102"/>
      <c r="F3" s="102"/>
    </row>
    <row r="4" spans="1:6" ht="25.5" customHeight="1" thickBot="1" x14ac:dyDescent="0.2">
      <c r="A4" s="100"/>
      <c r="B4" s="9"/>
      <c r="C4" s="8" t="s">
        <v>33</v>
      </c>
      <c r="D4" s="9"/>
      <c r="E4" s="10"/>
      <c r="F4" s="11"/>
    </row>
    <row r="5" spans="1:6" ht="23.25" customHeight="1" x14ac:dyDescent="0.15">
      <c r="A5" s="104" t="s">
        <v>34</v>
      </c>
      <c r="B5" s="84" t="s">
        <v>8</v>
      </c>
      <c r="C5" s="13" t="s">
        <v>35</v>
      </c>
      <c r="D5" s="12" t="s">
        <v>36</v>
      </c>
      <c r="E5" s="13"/>
      <c r="F5" s="14"/>
    </row>
    <row r="6" spans="1:6" ht="40.5" customHeight="1" x14ac:dyDescent="0.15">
      <c r="A6" s="105"/>
      <c r="B6" s="84" t="s">
        <v>10</v>
      </c>
      <c r="C6" s="13" t="s">
        <v>35</v>
      </c>
      <c r="D6" s="12" t="s">
        <v>36</v>
      </c>
      <c r="E6" s="13"/>
      <c r="F6" s="14"/>
    </row>
    <row r="7" spans="1:6" ht="40.5" customHeight="1" x14ac:dyDescent="0.15">
      <c r="A7" s="105"/>
      <c r="B7" s="84" t="s">
        <v>12</v>
      </c>
      <c r="C7" s="13" t="s">
        <v>35</v>
      </c>
      <c r="D7" s="12" t="s">
        <v>37</v>
      </c>
      <c r="E7" s="15"/>
      <c r="F7" s="14"/>
    </row>
    <row r="8" spans="1:6" ht="21" customHeight="1" x14ac:dyDescent="0.15">
      <c r="A8" s="105"/>
      <c r="B8" s="84" t="s">
        <v>13</v>
      </c>
      <c r="C8" s="13" t="s">
        <v>38</v>
      </c>
      <c r="D8" s="12" t="s">
        <v>39</v>
      </c>
      <c r="E8" s="15"/>
      <c r="F8" s="14"/>
    </row>
    <row r="9" spans="1:6" ht="21" customHeight="1" thickBot="1" x14ac:dyDescent="0.2">
      <c r="A9" s="106"/>
      <c r="B9" s="84" t="s">
        <v>53</v>
      </c>
      <c r="C9" s="13" t="s">
        <v>38</v>
      </c>
      <c r="D9" s="12" t="s">
        <v>117</v>
      </c>
      <c r="E9" s="15"/>
      <c r="F9" s="141"/>
    </row>
    <row r="10" spans="1:6" ht="33.75" customHeight="1" thickBot="1" x14ac:dyDescent="0.2">
      <c r="A10" s="107" t="s">
        <v>40</v>
      </c>
      <c r="B10" s="103" t="s">
        <v>19</v>
      </c>
      <c r="C10" s="13" t="s">
        <v>38</v>
      </c>
      <c r="D10" s="12" t="s">
        <v>41</v>
      </c>
      <c r="E10" s="134"/>
      <c r="F10" s="142"/>
    </row>
    <row r="11" spans="1:6" ht="18" customHeight="1" thickBot="1" x14ac:dyDescent="0.2">
      <c r="A11" s="108"/>
      <c r="B11" s="103"/>
      <c r="C11" s="13" t="s">
        <v>38</v>
      </c>
      <c r="D11" s="12" t="s">
        <v>42</v>
      </c>
      <c r="E11" s="134"/>
      <c r="F11" s="143"/>
    </row>
    <row r="12" spans="1:6" ht="18" customHeight="1" thickBot="1" x14ac:dyDescent="0.2">
      <c r="A12" s="108"/>
      <c r="B12" s="84" t="s">
        <v>21</v>
      </c>
      <c r="C12" s="13" t="s">
        <v>38</v>
      </c>
      <c r="D12" s="12" t="s">
        <v>43</v>
      </c>
      <c r="E12" s="134"/>
      <c r="F12" s="143"/>
    </row>
    <row r="13" spans="1:6" ht="21.75" customHeight="1" thickBot="1" x14ac:dyDescent="0.2">
      <c r="A13" s="108"/>
      <c r="B13" s="84" t="s">
        <v>22</v>
      </c>
      <c r="C13" s="7"/>
      <c r="D13" s="12"/>
      <c r="E13" s="135"/>
      <c r="F13" s="143"/>
    </row>
    <row r="14" spans="1:6" ht="34.5" customHeight="1" thickBot="1" x14ac:dyDescent="0.2">
      <c r="A14" s="108"/>
      <c r="B14" s="103" t="s">
        <v>23</v>
      </c>
      <c r="C14" s="13" t="s">
        <v>38</v>
      </c>
      <c r="D14" s="12" t="s">
        <v>41</v>
      </c>
      <c r="E14" s="134"/>
      <c r="F14" s="143"/>
    </row>
    <row r="15" spans="1:6" ht="32.25" customHeight="1" thickBot="1" x14ac:dyDescent="0.2">
      <c r="A15" s="108"/>
      <c r="B15" s="103"/>
      <c r="C15" s="13" t="s">
        <v>38</v>
      </c>
      <c r="D15" s="12" t="s">
        <v>44</v>
      </c>
      <c r="E15" s="134"/>
      <c r="F15" s="143"/>
    </row>
    <row r="16" spans="1:6" ht="33.75" customHeight="1" thickBot="1" x14ac:dyDescent="0.2">
      <c r="A16" s="108"/>
      <c r="B16" s="103" t="s">
        <v>45</v>
      </c>
      <c r="C16" s="13" t="s">
        <v>38</v>
      </c>
      <c r="D16" s="12" t="s">
        <v>41</v>
      </c>
      <c r="E16" s="134"/>
      <c r="F16" s="143"/>
    </row>
    <row r="17" spans="1:6" ht="30" customHeight="1" thickBot="1" x14ac:dyDescent="0.2">
      <c r="A17" s="108"/>
      <c r="B17" s="103"/>
      <c r="C17" s="13" t="s">
        <v>38</v>
      </c>
      <c r="D17" s="12" t="s">
        <v>46</v>
      </c>
      <c r="E17" s="134"/>
      <c r="F17" s="143"/>
    </row>
    <row r="18" spans="1:6" ht="35.25" customHeight="1" thickBot="1" x14ac:dyDescent="0.2">
      <c r="A18" s="108"/>
      <c r="B18" s="103" t="s">
        <v>24</v>
      </c>
      <c r="C18" s="13" t="s">
        <v>38</v>
      </c>
      <c r="D18" s="12" t="s">
        <v>41</v>
      </c>
      <c r="E18" s="134"/>
      <c r="F18" s="143"/>
    </row>
    <row r="19" spans="1:6" ht="33.75" customHeight="1" thickBot="1" x14ac:dyDescent="0.2">
      <c r="A19" s="108"/>
      <c r="B19" s="103"/>
      <c r="C19" s="13" t="s">
        <v>38</v>
      </c>
      <c r="D19" s="12" t="s">
        <v>47</v>
      </c>
      <c r="E19" s="134"/>
      <c r="F19" s="143"/>
    </row>
    <row r="20" spans="1:6" ht="18" customHeight="1" thickBot="1" x14ac:dyDescent="0.2">
      <c r="A20" s="108"/>
      <c r="B20" s="84" t="s">
        <v>25</v>
      </c>
      <c r="C20" s="13" t="s">
        <v>38</v>
      </c>
      <c r="D20" s="12" t="s">
        <v>48</v>
      </c>
      <c r="E20" s="134"/>
      <c r="F20" s="143"/>
    </row>
    <row r="21" spans="1:6" ht="18" customHeight="1" thickBot="1" x14ac:dyDescent="0.2">
      <c r="A21" s="108"/>
      <c r="B21" s="84" t="s">
        <v>49</v>
      </c>
      <c r="C21" s="13" t="s">
        <v>38</v>
      </c>
      <c r="D21" s="12" t="s">
        <v>48</v>
      </c>
      <c r="E21" s="134"/>
      <c r="F21" s="143"/>
    </row>
    <row r="22" spans="1:6" ht="31.5" customHeight="1" thickBot="1" x14ac:dyDescent="0.2">
      <c r="A22" s="108"/>
      <c r="B22" s="103" t="s">
        <v>27</v>
      </c>
      <c r="C22" s="13" t="s">
        <v>38</v>
      </c>
      <c r="D22" s="12" t="s">
        <v>41</v>
      </c>
      <c r="E22" s="134"/>
      <c r="F22" s="143"/>
    </row>
    <row r="23" spans="1:6" ht="25.5" customHeight="1" thickBot="1" x14ac:dyDescent="0.2">
      <c r="A23" s="108"/>
      <c r="B23" s="103"/>
      <c r="C23" s="13" t="s">
        <v>38</v>
      </c>
      <c r="D23" s="12" t="s">
        <v>50</v>
      </c>
      <c r="E23" s="136" t="s">
        <v>119</v>
      </c>
      <c r="F23" s="143"/>
    </row>
    <row r="24" spans="1:6" ht="26.25" customHeight="1" thickBot="1" x14ac:dyDescent="0.2">
      <c r="A24" s="108"/>
      <c r="B24" s="103"/>
      <c r="C24" s="13" t="s">
        <v>38</v>
      </c>
      <c r="D24" s="12" t="s">
        <v>51</v>
      </c>
      <c r="E24" s="137"/>
      <c r="F24" s="143"/>
    </row>
    <row r="25" spans="1:6" ht="24" customHeight="1" thickBot="1" x14ac:dyDescent="0.2">
      <c r="A25" s="108"/>
      <c r="B25" s="103"/>
      <c r="C25" s="13"/>
      <c r="D25" s="12"/>
      <c r="E25" s="138"/>
      <c r="F25" s="143"/>
    </row>
    <row r="26" spans="1:6" ht="54.75" customHeight="1" thickBot="1" x14ac:dyDescent="0.2">
      <c r="A26" s="108"/>
      <c r="B26" s="85" t="s">
        <v>28</v>
      </c>
      <c r="C26" s="13" t="s">
        <v>38</v>
      </c>
      <c r="D26" s="16" t="s">
        <v>52</v>
      </c>
      <c r="E26" s="139"/>
      <c r="F26" s="143"/>
    </row>
    <row r="27" spans="1:6" ht="18" customHeight="1" x14ac:dyDescent="0.15">
      <c r="A27" s="108"/>
      <c r="B27" s="84" t="s">
        <v>13</v>
      </c>
      <c r="C27" s="13" t="s">
        <v>38</v>
      </c>
      <c r="D27" s="89" t="s">
        <v>39</v>
      </c>
      <c r="E27" s="138"/>
      <c r="F27" s="144"/>
    </row>
    <row r="28" spans="1:6" ht="18" customHeight="1" thickBot="1" x14ac:dyDescent="0.2">
      <c r="A28" s="109"/>
      <c r="B28" s="86" t="s">
        <v>53</v>
      </c>
      <c r="C28" s="87" t="s">
        <v>38</v>
      </c>
      <c r="D28" s="88"/>
      <c r="E28" s="140" t="s">
        <v>118</v>
      </c>
      <c r="F28" s="145"/>
    </row>
  </sheetData>
  <mergeCells count="12">
    <mergeCell ref="A1:F1"/>
    <mergeCell ref="A3:A4"/>
    <mergeCell ref="B3:F3"/>
    <mergeCell ref="B10:B11"/>
    <mergeCell ref="F10:F27"/>
    <mergeCell ref="B14:B15"/>
    <mergeCell ref="B16:B17"/>
    <mergeCell ref="B18:B19"/>
    <mergeCell ref="B22:B25"/>
    <mergeCell ref="A5:A9"/>
    <mergeCell ref="A10:A28"/>
    <mergeCell ref="E23:E24"/>
  </mergeCells>
  <phoneticPr fontId="12"/>
  <pageMargins left="0.78749999999999998" right="0.78749999999999998" top="1.05277777777778" bottom="1.05277777777778" header="0.78749999999999998" footer="0.78749999999999998"/>
  <pageSetup paperSize="9" scale="82" firstPageNumber="0" orientation="portrait" horizontalDpi="300" verticalDpi="300" r:id="rId1"/>
  <headerFooter>
    <oddHeader>&amp;C&amp;"Times New Roman,標準"&amp;12&amp;A</oddHeader>
    <oddFooter>&amp;C&amp;"Times New Roman,標準"&amp;12ページ &amp;P</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D707595-0711-4FEB-9536-3C5F67582C34}">
  <sheetPr>
    <pageSetUpPr fitToPage="1"/>
  </sheetPr>
  <dimension ref="A2:AF42"/>
  <sheetViews>
    <sheetView view="pageBreakPreview" zoomScale="70" zoomScaleNormal="100" zoomScaleSheetLayoutView="70" workbookViewId="0">
      <selection activeCell="L12" sqref="L12"/>
    </sheetView>
  </sheetViews>
  <sheetFormatPr defaultColWidth="4" defaultRowHeight="17.25" x14ac:dyDescent="0.15"/>
  <cols>
    <col min="1" max="12" width="3.25" style="35" customWidth="1"/>
    <col min="13" max="13" width="13" style="35" customWidth="1"/>
    <col min="14" max="14" width="4.125" style="35" customWidth="1"/>
    <col min="15" max="36" width="3.25" style="35" customWidth="1"/>
    <col min="37" max="256" width="4" style="35"/>
    <col min="257" max="268" width="3.25" style="35" customWidth="1"/>
    <col min="269" max="269" width="13" style="35" customWidth="1"/>
    <col min="270" max="270" width="4.125" style="35" customWidth="1"/>
    <col min="271" max="292" width="3.25" style="35" customWidth="1"/>
    <col min="293" max="512" width="4" style="35"/>
    <col min="513" max="524" width="3.25" style="35" customWidth="1"/>
    <col min="525" max="525" width="13" style="35" customWidth="1"/>
    <col min="526" max="526" width="4.125" style="35" customWidth="1"/>
    <col min="527" max="548" width="3.25" style="35" customWidth="1"/>
    <col min="549" max="768" width="4" style="35"/>
    <col min="769" max="780" width="3.25" style="35" customWidth="1"/>
    <col min="781" max="781" width="13" style="35" customWidth="1"/>
    <col min="782" max="782" width="4.125" style="35" customWidth="1"/>
    <col min="783" max="804" width="3.25" style="35" customWidth="1"/>
    <col min="805" max="1024" width="4" style="35"/>
    <col min="1025" max="1036" width="3.25" style="35" customWidth="1"/>
    <col min="1037" max="1037" width="13" style="35" customWidth="1"/>
    <col min="1038" max="1038" width="4.125" style="35" customWidth="1"/>
    <col min="1039" max="1060" width="3.25" style="35" customWidth="1"/>
    <col min="1061" max="1280" width="4" style="35"/>
    <col min="1281" max="1292" width="3.25" style="35" customWidth="1"/>
    <col min="1293" max="1293" width="13" style="35" customWidth="1"/>
    <col min="1294" max="1294" width="4.125" style="35" customWidth="1"/>
    <col min="1295" max="1316" width="3.25" style="35" customWidth="1"/>
    <col min="1317" max="1536" width="4" style="35"/>
    <col min="1537" max="1548" width="3.25" style="35" customWidth="1"/>
    <col min="1549" max="1549" width="13" style="35" customWidth="1"/>
    <col min="1550" max="1550" width="4.125" style="35" customWidth="1"/>
    <col min="1551" max="1572" width="3.25" style="35" customWidth="1"/>
    <col min="1573" max="1792" width="4" style="35"/>
    <col min="1793" max="1804" width="3.25" style="35" customWidth="1"/>
    <col min="1805" max="1805" width="13" style="35" customWidth="1"/>
    <col min="1806" max="1806" width="4.125" style="35" customWidth="1"/>
    <col min="1807" max="1828" width="3.25" style="35" customWidth="1"/>
    <col min="1829" max="2048" width="4" style="35"/>
    <col min="2049" max="2060" width="3.25" style="35" customWidth="1"/>
    <col min="2061" max="2061" width="13" style="35" customWidth="1"/>
    <col min="2062" max="2062" width="4.125" style="35" customWidth="1"/>
    <col min="2063" max="2084" width="3.25" style="35" customWidth="1"/>
    <col min="2085" max="2304" width="4" style="35"/>
    <col min="2305" max="2316" width="3.25" style="35" customWidth="1"/>
    <col min="2317" max="2317" width="13" style="35" customWidth="1"/>
    <col min="2318" max="2318" width="4.125" style="35" customWidth="1"/>
    <col min="2319" max="2340" width="3.25" style="35" customWidth="1"/>
    <col min="2341" max="2560" width="4" style="35"/>
    <col min="2561" max="2572" width="3.25" style="35" customWidth="1"/>
    <col min="2573" max="2573" width="13" style="35" customWidth="1"/>
    <col min="2574" max="2574" width="4.125" style="35" customWidth="1"/>
    <col min="2575" max="2596" width="3.25" style="35" customWidth="1"/>
    <col min="2597" max="2816" width="4" style="35"/>
    <col min="2817" max="2828" width="3.25" style="35" customWidth="1"/>
    <col min="2829" max="2829" width="13" style="35" customWidth="1"/>
    <col min="2830" max="2830" width="4.125" style="35" customWidth="1"/>
    <col min="2831" max="2852" width="3.25" style="35" customWidth="1"/>
    <col min="2853" max="3072" width="4" style="35"/>
    <col min="3073" max="3084" width="3.25" style="35" customWidth="1"/>
    <col min="3085" max="3085" width="13" style="35" customWidth="1"/>
    <col min="3086" max="3086" width="4.125" style="35" customWidth="1"/>
    <col min="3087" max="3108" width="3.25" style="35" customWidth="1"/>
    <col min="3109" max="3328" width="4" style="35"/>
    <col min="3329" max="3340" width="3.25" style="35" customWidth="1"/>
    <col min="3341" max="3341" width="13" style="35" customWidth="1"/>
    <col min="3342" max="3342" width="4.125" style="35" customWidth="1"/>
    <col min="3343" max="3364" width="3.25" style="35" customWidth="1"/>
    <col min="3365" max="3584" width="4" style="35"/>
    <col min="3585" max="3596" width="3.25" style="35" customWidth="1"/>
    <col min="3597" max="3597" width="13" style="35" customWidth="1"/>
    <col min="3598" max="3598" width="4.125" style="35" customWidth="1"/>
    <col min="3599" max="3620" width="3.25" style="35" customWidth="1"/>
    <col min="3621" max="3840" width="4" style="35"/>
    <col min="3841" max="3852" width="3.25" style="35" customWidth="1"/>
    <col min="3853" max="3853" width="13" style="35" customWidth="1"/>
    <col min="3854" max="3854" width="4.125" style="35" customWidth="1"/>
    <col min="3855" max="3876" width="3.25" style="35" customWidth="1"/>
    <col min="3877" max="4096" width="4" style="35"/>
    <col min="4097" max="4108" width="3.25" style="35" customWidth="1"/>
    <col min="4109" max="4109" width="13" style="35" customWidth="1"/>
    <col min="4110" max="4110" width="4.125" style="35" customWidth="1"/>
    <col min="4111" max="4132" width="3.25" style="35" customWidth="1"/>
    <col min="4133" max="4352" width="4" style="35"/>
    <col min="4353" max="4364" width="3.25" style="35" customWidth="1"/>
    <col min="4365" max="4365" width="13" style="35" customWidth="1"/>
    <col min="4366" max="4366" width="4.125" style="35" customWidth="1"/>
    <col min="4367" max="4388" width="3.25" style="35" customWidth="1"/>
    <col min="4389" max="4608" width="4" style="35"/>
    <col min="4609" max="4620" width="3.25" style="35" customWidth="1"/>
    <col min="4621" max="4621" width="13" style="35" customWidth="1"/>
    <col min="4622" max="4622" width="4.125" style="35" customWidth="1"/>
    <col min="4623" max="4644" width="3.25" style="35" customWidth="1"/>
    <col min="4645" max="4864" width="4" style="35"/>
    <col min="4865" max="4876" width="3.25" style="35" customWidth="1"/>
    <col min="4877" max="4877" width="13" style="35" customWidth="1"/>
    <col min="4878" max="4878" width="4.125" style="35" customWidth="1"/>
    <col min="4879" max="4900" width="3.25" style="35" customWidth="1"/>
    <col min="4901" max="5120" width="4" style="35"/>
    <col min="5121" max="5132" width="3.25" style="35" customWidth="1"/>
    <col min="5133" max="5133" width="13" style="35" customWidth="1"/>
    <col min="5134" max="5134" width="4.125" style="35" customWidth="1"/>
    <col min="5135" max="5156" width="3.25" style="35" customWidth="1"/>
    <col min="5157" max="5376" width="4" style="35"/>
    <col min="5377" max="5388" width="3.25" style="35" customWidth="1"/>
    <col min="5389" max="5389" width="13" style="35" customWidth="1"/>
    <col min="5390" max="5390" width="4.125" style="35" customWidth="1"/>
    <col min="5391" max="5412" width="3.25" style="35" customWidth="1"/>
    <col min="5413" max="5632" width="4" style="35"/>
    <col min="5633" max="5644" width="3.25" style="35" customWidth="1"/>
    <col min="5645" max="5645" width="13" style="35" customWidth="1"/>
    <col min="5646" max="5646" width="4.125" style="35" customWidth="1"/>
    <col min="5647" max="5668" width="3.25" style="35" customWidth="1"/>
    <col min="5669" max="5888" width="4" style="35"/>
    <col min="5889" max="5900" width="3.25" style="35" customWidth="1"/>
    <col min="5901" max="5901" width="13" style="35" customWidth="1"/>
    <col min="5902" max="5902" width="4.125" style="35" customWidth="1"/>
    <col min="5903" max="5924" width="3.25" style="35" customWidth="1"/>
    <col min="5925" max="6144" width="4" style="35"/>
    <col min="6145" max="6156" width="3.25" style="35" customWidth="1"/>
    <col min="6157" max="6157" width="13" style="35" customWidth="1"/>
    <col min="6158" max="6158" width="4.125" style="35" customWidth="1"/>
    <col min="6159" max="6180" width="3.25" style="35" customWidth="1"/>
    <col min="6181" max="6400" width="4" style="35"/>
    <col min="6401" max="6412" width="3.25" style="35" customWidth="1"/>
    <col min="6413" max="6413" width="13" style="35" customWidth="1"/>
    <col min="6414" max="6414" width="4.125" style="35" customWidth="1"/>
    <col min="6415" max="6436" width="3.25" style="35" customWidth="1"/>
    <col min="6437" max="6656" width="4" style="35"/>
    <col min="6657" max="6668" width="3.25" style="35" customWidth="1"/>
    <col min="6669" max="6669" width="13" style="35" customWidth="1"/>
    <col min="6670" max="6670" width="4.125" style="35" customWidth="1"/>
    <col min="6671" max="6692" width="3.25" style="35" customWidth="1"/>
    <col min="6693" max="6912" width="4" style="35"/>
    <col min="6913" max="6924" width="3.25" style="35" customWidth="1"/>
    <col min="6925" max="6925" width="13" style="35" customWidth="1"/>
    <col min="6926" max="6926" width="4.125" style="35" customWidth="1"/>
    <col min="6927" max="6948" width="3.25" style="35" customWidth="1"/>
    <col min="6949" max="7168" width="4" style="35"/>
    <col min="7169" max="7180" width="3.25" style="35" customWidth="1"/>
    <col min="7181" max="7181" width="13" style="35" customWidth="1"/>
    <col min="7182" max="7182" width="4.125" style="35" customWidth="1"/>
    <col min="7183" max="7204" width="3.25" style="35" customWidth="1"/>
    <col min="7205" max="7424" width="4" style="35"/>
    <col min="7425" max="7436" width="3.25" style="35" customWidth="1"/>
    <col min="7437" max="7437" width="13" style="35" customWidth="1"/>
    <col min="7438" max="7438" width="4.125" style="35" customWidth="1"/>
    <col min="7439" max="7460" width="3.25" style="35" customWidth="1"/>
    <col min="7461" max="7680" width="4" style="35"/>
    <col min="7681" max="7692" width="3.25" style="35" customWidth="1"/>
    <col min="7693" max="7693" width="13" style="35" customWidth="1"/>
    <col min="7694" max="7694" width="4.125" style="35" customWidth="1"/>
    <col min="7695" max="7716" width="3.25" style="35" customWidth="1"/>
    <col min="7717" max="7936" width="4" style="35"/>
    <col min="7937" max="7948" width="3.25" style="35" customWidth="1"/>
    <col min="7949" max="7949" width="13" style="35" customWidth="1"/>
    <col min="7950" max="7950" width="4.125" style="35" customWidth="1"/>
    <col min="7951" max="7972" width="3.25" style="35" customWidth="1"/>
    <col min="7973" max="8192" width="4" style="35"/>
    <col min="8193" max="8204" width="3.25" style="35" customWidth="1"/>
    <col min="8205" max="8205" width="13" style="35" customWidth="1"/>
    <col min="8206" max="8206" width="4.125" style="35" customWidth="1"/>
    <col min="8207" max="8228" width="3.25" style="35" customWidth="1"/>
    <col min="8229" max="8448" width="4" style="35"/>
    <col min="8449" max="8460" width="3.25" style="35" customWidth="1"/>
    <col min="8461" max="8461" width="13" style="35" customWidth="1"/>
    <col min="8462" max="8462" width="4.125" style="35" customWidth="1"/>
    <col min="8463" max="8484" width="3.25" style="35" customWidth="1"/>
    <col min="8485" max="8704" width="4" style="35"/>
    <col min="8705" max="8716" width="3.25" style="35" customWidth="1"/>
    <col min="8717" max="8717" width="13" style="35" customWidth="1"/>
    <col min="8718" max="8718" width="4.125" style="35" customWidth="1"/>
    <col min="8719" max="8740" width="3.25" style="35" customWidth="1"/>
    <col min="8741" max="8960" width="4" style="35"/>
    <col min="8961" max="8972" width="3.25" style="35" customWidth="1"/>
    <col min="8973" max="8973" width="13" style="35" customWidth="1"/>
    <col min="8974" max="8974" width="4.125" style="35" customWidth="1"/>
    <col min="8975" max="8996" width="3.25" style="35" customWidth="1"/>
    <col min="8997" max="9216" width="4" style="35"/>
    <col min="9217" max="9228" width="3.25" style="35" customWidth="1"/>
    <col min="9229" max="9229" width="13" style="35" customWidth="1"/>
    <col min="9230" max="9230" width="4.125" style="35" customWidth="1"/>
    <col min="9231" max="9252" width="3.25" style="35" customWidth="1"/>
    <col min="9253" max="9472" width="4" style="35"/>
    <col min="9473" max="9484" width="3.25" style="35" customWidth="1"/>
    <col min="9485" max="9485" width="13" style="35" customWidth="1"/>
    <col min="9486" max="9486" width="4.125" style="35" customWidth="1"/>
    <col min="9487" max="9508" width="3.25" style="35" customWidth="1"/>
    <col min="9509" max="9728" width="4" style="35"/>
    <col min="9729" max="9740" width="3.25" style="35" customWidth="1"/>
    <col min="9741" max="9741" width="13" style="35" customWidth="1"/>
    <col min="9742" max="9742" width="4.125" style="35" customWidth="1"/>
    <col min="9743" max="9764" width="3.25" style="35" customWidth="1"/>
    <col min="9765" max="9984" width="4" style="35"/>
    <col min="9985" max="9996" width="3.25" style="35" customWidth="1"/>
    <col min="9997" max="9997" width="13" style="35" customWidth="1"/>
    <col min="9998" max="9998" width="4.125" style="35" customWidth="1"/>
    <col min="9999" max="10020" width="3.25" style="35" customWidth="1"/>
    <col min="10021" max="10240" width="4" style="35"/>
    <col min="10241" max="10252" width="3.25" style="35" customWidth="1"/>
    <col min="10253" max="10253" width="13" style="35" customWidth="1"/>
    <col min="10254" max="10254" width="4.125" style="35" customWidth="1"/>
    <col min="10255" max="10276" width="3.25" style="35" customWidth="1"/>
    <col min="10277" max="10496" width="4" style="35"/>
    <col min="10497" max="10508" width="3.25" style="35" customWidth="1"/>
    <col min="10509" max="10509" width="13" style="35" customWidth="1"/>
    <col min="10510" max="10510" width="4.125" style="35" customWidth="1"/>
    <col min="10511" max="10532" width="3.25" style="35" customWidth="1"/>
    <col min="10533" max="10752" width="4" style="35"/>
    <col min="10753" max="10764" width="3.25" style="35" customWidth="1"/>
    <col min="10765" max="10765" width="13" style="35" customWidth="1"/>
    <col min="10766" max="10766" width="4.125" style="35" customWidth="1"/>
    <col min="10767" max="10788" width="3.25" style="35" customWidth="1"/>
    <col min="10789" max="11008" width="4" style="35"/>
    <col min="11009" max="11020" width="3.25" style="35" customWidth="1"/>
    <col min="11021" max="11021" width="13" style="35" customWidth="1"/>
    <col min="11022" max="11022" width="4.125" style="35" customWidth="1"/>
    <col min="11023" max="11044" width="3.25" style="35" customWidth="1"/>
    <col min="11045" max="11264" width="4" style="35"/>
    <col min="11265" max="11276" width="3.25" style="35" customWidth="1"/>
    <col min="11277" max="11277" width="13" style="35" customWidth="1"/>
    <col min="11278" max="11278" width="4.125" style="35" customWidth="1"/>
    <col min="11279" max="11300" width="3.25" style="35" customWidth="1"/>
    <col min="11301" max="11520" width="4" style="35"/>
    <col min="11521" max="11532" width="3.25" style="35" customWidth="1"/>
    <col min="11533" max="11533" width="13" style="35" customWidth="1"/>
    <col min="11534" max="11534" width="4.125" style="35" customWidth="1"/>
    <col min="11535" max="11556" width="3.25" style="35" customWidth="1"/>
    <col min="11557" max="11776" width="4" style="35"/>
    <col min="11777" max="11788" width="3.25" style="35" customWidth="1"/>
    <col min="11789" max="11789" width="13" style="35" customWidth="1"/>
    <col min="11790" max="11790" width="4.125" style="35" customWidth="1"/>
    <col min="11791" max="11812" width="3.25" style="35" customWidth="1"/>
    <col min="11813" max="12032" width="4" style="35"/>
    <col min="12033" max="12044" width="3.25" style="35" customWidth="1"/>
    <col min="12045" max="12045" width="13" style="35" customWidth="1"/>
    <col min="12046" max="12046" width="4.125" style="35" customWidth="1"/>
    <col min="12047" max="12068" width="3.25" style="35" customWidth="1"/>
    <col min="12069" max="12288" width="4" style="35"/>
    <col min="12289" max="12300" width="3.25" style="35" customWidth="1"/>
    <col min="12301" max="12301" width="13" style="35" customWidth="1"/>
    <col min="12302" max="12302" width="4.125" style="35" customWidth="1"/>
    <col min="12303" max="12324" width="3.25" style="35" customWidth="1"/>
    <col min="12325" max="12544" width="4" style="35"/>
    <col min="12545" max="12556" width="3.25" style="35" customWidth="1"/>
    <col min="12557" max="12557" width="13" style="35" customWidth="1"/>
    <col min="12558" max="12558" width="4.125" style="35" customWidth="1"/>
    <col min="12559" max="12580" width="3.25" style="35" customWidth="1"/>
    <col min="12581" max="12800" width="4" style="35"/>
    <col min="12801" max="12812" width="3.25" style="35" customWidth="1"/>
    <col min="12813" max="12813" width="13" style="35" customWidth="1"/>
    <col min="12814" max="12814" width="4.125" style="35" customWidth="1"/>
    <col min="12815" max="12836" width="3.25" style="35" customWidth="1"/>
    <col min="12837" max="13056" width="4" style="35"/>
    <col min="13057" max="13068" width="3.25" style="35" customWidth="1"/>
    <col min="13069" max="13069" width="13" style="35" customWidth="1"/>
    <col min="13070" max="13070" width="4.125" style="35" customWidth="1"/>
    <col min="13071" max="13092" width="3.25" style="35" customWidth="1"/>
    <col min="13093" max="13312" width="4" style="35"/>
    <col min="13313" max="13324" width="3.25" style="35" customWidth="1"/>
    <col min="13325" max="13325" width="13" style="35" customWidth="1"/>
    <col min="13326" max="13326" width="4.125" style="35" customWidth="1"/>
    <col min="13327" max="13348" width="3.25" style="35" customWidth="1"/>
    <col min="13349" max="13568" width="4" style="35"/>
    <col min="13569" max="13580" width="3.25" style="35" customWidth="1"/>
    <col min="13581" max="13581" width="13" style="35" customWidth="1"/>
    <col min="13582" max="13582" width="4.125" style="35" customWidth="1"/>
    <col min="13583" max="13604" width="3.25" style="35" customWidth="1"/>
    <col min="13605" max="13824" width="4" style="35"/>
    <col min="13825" max="13836" width="3.25" style="35" customWidth="1"/>
    <col min="13837" max="13837" width="13" style="35" customWidth="1"/>
    <col min="13838" max="13838" width="4.125" style="35" customWidth="1"/>
    <col min="13839" max="13860" width="3.25" style="35" customWidth="1"/>
    <col min="13861" max="14080" width="4" style="35"/>
    <col min="14081" max="14092" width="3.25" style="35" customWidth="1"/>
    <col min="14093" max="14093" width="13" style="35" customWidth="1"/>
    <col min="14094" max="14094" width="4.125" style="35" customWidth="1"/>
    <col min="14095" max="14116" width="3.25" style="35" customWidth="1"/>
    <col min="14117" max="14336" width="4" style="35"/>
    <col min="14337" max="14348" width="3.25" style="35" customWidth="1"/>
    <col min="14349" max="14349" width="13" style="35" customWidth="1"/>
    <col min="14350" max="14350" width="4.125" style="35" customWidth="1"/>
    <col min="14351" max="14372" width="3.25" style="35" customWidth="1"/>
    <col min="14373" max="14592" width="4" style="35"/>
    <col min="14593" max="14604" width="3.25" style="35" customWidth="1"/>
    <col min="14605" max="14605" width="13" style="35" customWidth="1"/>
    <col min="14606" max="14606" width="4.125" style="35" customWidth="1"/>
    <col min="14607" max="14628" width="3.25" style="35" customWidth="1"/>
    <col min="14629" max="14848" width="4" style="35"/>
    <col min="14849" max="14860" width="3.25" style="35" customWidth="1"/>
    <col min="14861" max="14861" width="13" style="35" customWidth="1"/>
    <col min="14862" max="14862" width="4.125" style="35" customWidth="1"/>
    <col min="14863" max="14884" width="3.25" style="35" customWidth="1"/>
    <col min="14885" max="15104" width="4" style="35"/>
    <col min="15105" max="15116" width="3.25" style="35" customWidth="1"/>
    <col min="15117" max="15117" width="13" style="35" customWidth="1"/>
    <col min="15118" max="15118" width="4.125" style="35" customWidth="1"/>
    <col min="15119" max="15140" width="3.25" style="35" customWidth="1"/>
    <col min="15141" max="15360" width="4" style="35"/>
    <col min="15361" max="15372" width="3.25" style="35" customWidth="1"/>
    <col min="15373" max="15373" width="13" style="35" customWidth="1"/>
    <col min="15374" max="15374" width="4.125" style="35" customWidth="1"/>
    <col min="15375" max="15396" width="3.25" style="35" customWidth="1"/>
    <col min="15397" max="15616" width="4" style="35"/>
    <col min="15617" max="15628" width="3.25" style="35" customWidth="1"/>
    <col min="15629" max="15629" width="13" style="35" customWidth="1"/>
    <col min="15630" max="15630" width="4.125" style="35" customWidth="1"/>
    <col min="15631" max="15652" width="3.25" style="35" customWidth="1"/>
    <col min="15653" max="15872" width="4" style="35"/>
    <col min="15873" max="15884" width="3.25" style="35" customWidth="1"/>
    <col min="15885" max="15885" width="13" style="35" customWidth="1"/>
    <col min="15886" max="15886" width="4.125" style="35" customWidth="1"/>
    <col min="15887" max="15908" width="3.25" style="35" customWidth="1"/>
    <col min="15909" max="16128" width="4" style="35"/>
    <col min="16129" max="16140" width="3.25" style="35" customWidth="1"/>
    <col min="16141" max="16141" width="13" style="35" customWidth="1"/>
    <col min="16142" max="16142" width="4.125" style="35" customWidth="1"/>
    <col min="16143" max="16164" width="3.25" style="35" customWidth="1"/>
    <col min="16165" max="16384" width="4" style="35"/>
  </cols>
  <sheetData>
    <row r="2" spans="1:32" x14ac:dyDescent="0.15">
      <c r="B2" s="36" t="s">
        <v>62</v>
      </c>
    </row>
    <row r="4" spans="1:32" x14ac:dyDescent="0.15">
      <c r="X4" s="37" t="s">
        <v>63</v>
      </c>
      <c r="Y4" s="37"/>
      <c r="Z4" s="37"/>
      <c r="AA4" s="37"/>
      <c r="AB4" s="37"/>
      <c r="AC4" s="37"/>
    </row>
    <row r="5" spans="1:32" x14ac:dyDescent="0.15">
      <c r="B5" s="37" t="s">
        <v>64</v>
      </c>
      <c r="C5" s="37"/>
      <c r="D5" s="37"/>
      <c r="E5" s="37"/>
      <c r="F5" s="37"/>
      <c r="G5" s="37"/>
      <c r="H5" s="37"/>
      <c r="I5" s="37"/>
      <c r="J5" s="37"/>
    </row>
    <row r="7" spans="1:32" x14ac:dyDescent="0.15">
      <c r="U7" s="35" t="s">
        <v>65</v>
      </c>
    </row>
    <row r="9" spans="1:32" ht="20.25" customHeight="1" x14ac:dyDescent="0.15">
      <c r="B9" s="111" t="s">
        <v>66</v>
      </c>
      <c r="C9" s="111"/>
      <c r="D9" s="111"/>
      <c r="E9" s="111"/>
      <c r="F9" s="111"/>
      <c r="G9" s="111"/>
      <c r="H9" s="111"/>
      <c r="I9" s="111"/>
      <c r="J9" s="111"/>
      <c r="K9" s="111"/>
      <c r="L9" s="111"/>
      <c r="M9" s="111"/>
      <c r="N9" s="111"/>
      <c r="O9" s="111"/>
      <c r="P9" s="111"/>
      <c r="Q9" s="111"/>
      <c r="R9" s="111"/>
      <c r="S9" s="111"/>
      <c r="T9" s="111"/>
      <c r="U9" s="111"/>
      <c r="V9" s="111"/>
      <c r="W9" s="111"/>
      <c r="X9" s="111"/>
      <c r="Y9" s="111"/>
      <c r="Z9" s="111"/>
      <c r="AA9" s="111"/>
      <c r="AB9" s="111"/>
      <c r="AC9" s="111"/>
      <c r="AD9" s="111"/>
      <c r="AE9" s="111"/>
      <c r="AF9" s="111"/>
    </row>
    <row r="10" spans="1:32" ht="20.25" customHeight="1" x14ac:dyDescent="0.15">
      <c r="B10" s="111"/>
      <c r="C10" s="111"/>
      <c r="D10" s="111"/>
      <c r="E10" s="111"/>
      <c r="F10" s="111"/>
      <c r="G10" s="111"/>
      <c r="H10" s="111"/>
      <c r="I10" s="111"/>
      <c r="J10" s="111"/>
      <c r="K10" s="111"/>
      <c r="L10" s="111"/>
      <c r="M10" s="111"/>
      <c r="N10" s="111"/>
      <c r="O10" s="111"/>
      <c r="P10" s="111"/>
      <c r="Q10" s="111"/>
      <c r="R10" s="111"/>
      <c r="S10" s="111"/>
      <c r="T10" s="111"/>
      <c r="U10" s="111"/>
      <c r="V10" s="111"/>
      <c r="W10" s="111"/>
      <c r="X10" s="111"/>
      <c r="Y10" s="111"/>
      <c r="Z10" s="111"/>
      <c r="AA10" s="111"/>
      <c r="AB10" s="111"/>
      <c r="AC10" s="111"/>
      <c r="AD10" s="111"/>
      <c r="AE10" s="111"/>
      <c r="AF10" s="111"/>
    </row>
    <row r="11" spans="1:32" x14ac:dyDescent="0.15">
      <c r="B11" s="38"/>
      <c r="C11" s="38"/>
      <c r="D11" s="38"/>
      <c r="E11" s="38"/>
      <c r="F11" s="38"/>
      <c r="G11" s="38"/>
      <c r="H11" s="38"/>
      <c r="I11" s="38"/>
      <c r="J11" s="38"/>
      <c r="K11" s="38"/>
      <c r="L11" s="38"/>
      <c r="M11" s="38"/>
      <c r="N11" s="38"/>
      <c r="O11" s="38"/>
      <c r="P11" s="38"/>
      <c r="Q11" s="38"/>
      <c r="R11" s="38"/>
      <c r="S11" s="38"/>
      <c r="T11" s="38"/>
      <c r="U11" s="38"/>
      <c r="V11" s="38"/>
      <c r="W11" s="38"/>
      <c r="X11" s="38"/>
      <c r="Y11" s="38"/>
      <c r="Z11" s="38"/>
      <c r="AA11" s="38"/>
    </row>
    <row r="12" spans="1:32" x14ac:dyDescent="0.15">
      <c r="A12" s="35" t="s">
        <v>67</v>
      </c>
    </row>
    <row r="14" spans="1:32" ht="36" customHeight="1" x14ac:dyDescent="0.15">
      <c r="R14" s="112" t="s">
        <v>68</v>
      </c>
      <c r="S14" s="112"/>
      <c r="T14" s="112"/>
      <c r="U14" s="112"/>
      <c r="V14" s="112"/>
      <c r="W14" s="39"/>
      <c r="X14" s="40"/>
      <c r="Y14" s="40"/>
      <c r="Z14" s="40"/>
      <c r="AA14" s="40"/>
      <c r="AB14" s="40"/>
      <c r="AC14" s="40"/>
      <c r="AD14" s="40"/>
      <c r="AE14" s="40"/>
      <c r="AF14" s="41"/>
    </row>
    <row r="15" spans="1:32" ht="13.5" customHeight="1" x14ac:dyDescent="0.15"/>
    <row r="16" spans="1:32" s="36" customFormat="1" ht="34.5" customHeight="1" x14ac:dyDescent="0.15">
      <c r="B16" s="112" t="s">
        <v>69</v>
      </c>
      <c r="C16" s="112"/>
      <c r="D16" s="112"/>
      <c r="E16" s="112"/>
      <c r="F16" s="112"/>
      <c r="G16" s="112"/>
      <c r="H16" s="112"/>
      <c r="I16" s="112"/>
      <c r="J16" s="112"/>
      <c r="K16" s="112"/>
      <c r="L16" s="112"/>
      <c r="M16" s="113" t="s">
        <v>70</v>
      </c>
      <c r="N16" s="113"/>
      <c r="O16" s="112" t="s">
        <v>71</v>
      </c>
      <c r="P16" s="112"/>
      <c r="Q16" s="112"/>
      <c r="R16" s="112"/>
      <c r="S16" s="112"/>
      <c r="T16" s="112"/>
      <c r="U16" s="112"/>
      <c r="V16" s="112"/>
      <c r="W16" s="112"/>
      <c r="X16" s="112"/>
      <c r="Y16" s="112"/>
      <c r="Z16" s="112"/>
      <c r="AA16" s="112"/>
      <c r="AB16" s="112"/>
      <c r="AC16" s="112"/>
      <c r="AD16" s="112"/>
      <c r="AE16" s="112"/>
      <c r="AF16" s="112"/>
    </row>
    <row r="17" spans="2:32" s="36" customFormat="1" ht="19.5" customHeight="1" x14ac:dyDescent="0.15">
      <c r="B17" s="110" t="s">
        <v>7</v>
      </c>
      <c r="C17" s="110"/>
      <c r="D17" s="110"/>
      <c r="E17" s="110"/>
      <c r="F17" s="110"/>
      <c r="G17" s="110"/>
      <c r="H17" s="110"/>
      <c r="I17" s="110"/>
      <c r="J17" s="110"/>
      <c r="K17" s="110"/>
      <c r="L17" s="110"/>
      <c r="M17" s="42"/>
      <c r="N17" s="43" t="s">
        <v>72</v>
      </c>
      <c r="O17" s="42"/>
      <c r="P17" s="43"/>
      <c r="Q17" s="43"/>
      <c r="R17" s="43"/>
      <c r="S17" s="43"/>
      <c r="T17" s="43"/>
      <c r="U17" s="43"/>
      <c r="V17" s="43"/>
      <c r="W17" s="43"/>
      <c r="X17" s="43"/>
      <c r="Y17" s="43"/>
      <c r="Z17" s="43"/>
      <c r="AA17" s="43"/>
      <c r="AB17" s="43"/>
      <c r="AC17" s="43"/>
      <c r="AD17" s="43"/>
      <c r="AE17" s="43"/>
      <c r="AF17" s="44"/>
    </row>
    <row r="18" spans="2:32" s="36" customFormat="1" ht="19.5" customHeight="1" x14ac:dyDescent="0.15">
      <c r="B18" s="110"/>
      <c r="C18" s="110"/>
      <c r="D18" s="110"/>
      <c r="E18" s="110"/>
      <c r="F18" s="110"/>
      <c r="G18" s="110"/>
      <c r="H18" s="110"/>
      <c r="I18" s="110"/>
      <c r="J18" s="110"/>
      <c r="K18" s="110"/>
      <c r="L18" s="110"/>
      <c r="M18" s="42"/>
      <c r="N18" s="43" t="s">
        <v>72</v>
      </c>
      <c r="O18" s="42"/>
      <c r="P18" s="43"/>
      <c r="Q18" s="43"/>
      <c r="R18" s="43"/>
      <c r="S18" s="43"/>
      <c r="T18" s="43"/>
      <c r="U18" s="43"/>
      <c r="V18" s="43"/>
      <c r="W18" s="43"/>
      <c r="X18" s="43"/>
      <c r="Y18" s="43"/>
      <c r="Z18" s="43"/>
      <c r="AA18" s="43"/>
      <c r="AB18" s="43"/>
      <c r="AC18" s="43"/>
      <c r="AD18" s="43"/>
      <c r="AE18" s="43"/>
      <c r="AF18" s="44"/>
    </row>
    <row r="19" spans="2:32" s="36" customFormat="1" ht="19.5" customHeight="1" x14ac:dyDescent="0.15">
      <c r="B19" s="110"/>
      <c r="C19" s="110"/>
      <c r="D19" s="110"/>
      <c r="E19" s="110"/>
      <c r="F19" s="110"/>
      <c r="G19" s="110"/>
      <c r="H19" s="110"/>
      <c r="I19" s="110"/>
      <c r="J19" s="110"/>
      <c r="K19" s="110"/>
      <c r="L19" s="110"/>
      <c r="M19" s="45"/>
      <c r="N19" s="46" t="s">
        <v>72</v>
      </c>
      <c r="O19" s="42"/>
      <c r="P19" s="43"/>
      <c r="Q19" s="43"/>
      <c r="R19" s="43"/>
      <c r="S19" s="43"/>
      <c r="T19" s="43"/>
      <c r="U19" s="43"/>
      <c r="V19" s="43"/>
      <c r="W19" s="43"/>
      <c r="X19" s="43"/>
      <c r="Y19" s="43"/>
      <c r="Z19" s="43"/>
      <c r="AA19" s="43"/>
      <c r="AB19" s="43"/>
      <c r="AC19" s="43"/>
      <c r="AD19" s="43"/>
      <c r="AE19" s="43"/>
      <c r="AF19" s="44"/>
    </row>
    <row r="20" spans="2:32" s="36" customFormat="1" ht="19.5" customHeight="1" x14ac:dyDescent="0.15">
      <c r="B20" s="110" t="s">
        <v>73</v>
      </c>
      <c r="C20" s="110"/>
      <c r="D20" s="110"/>
      <c r="E20" s="110"/>
      <c r="F20" s="110"/>
      <c r="G20" s="110"/>
      <c r="H20" s="110"/>
      <c r="I20" s="110"/>
      <c r="J20" s="110"/>
      <c r="K20" s="110"/>
      <c r="L20" s="110"/>
      <c r="M20" s="42"/>
      <c r="N20" s="44" t="s">
        <v>72</v>
      </c>
      <c r="O20" s="42"/>
      <c r="P20" s="43"/>
      <c r="Q20" s="43"/>
      <c r="R20" s="43"/>
      <c r="S20" s="43"/>
      <c r="T20" s="43"/>
      <c r="U20" s="43"/>
      <c r="V20" s="43"/>
      <c r="W20" s="43"/>
      <c r="X20" s="43"/>
      <c r="Y20" s="43"/>
      <c r="Z20" s="43"/>
      <c r="AA20" s="43"/>
      <c r="AB20" s="43"/>
      <c r="AC20" s="43"/>
      <c r="AD20" s="43"/>
      <c r="AE20" s="43"/>
      <c r="AF20" s="44"/>
    </row>
    <row r="21" spans="2:32" s="36" customFormat="1" ht="19.5" customHeight="1" x14ac:dyDescent="0.15">
      <c r="B21" s="110"/>
      <c r="C21" s="110"/>
      <c r="D21" s="110"/>
      <c r="E21" s="110"/>
      <c r="F21" s="110"/>
      <c r="G21" s="110"/>
      <c r="H21" s="110"/>
      <c r="I21" s="110"/>
      <c r="J21" s="110"/>
      <c r="K21" s="110"/>
      <c r="L21" s="110"/>
      <c r="M21" s="42"/>
      <c r="N21" s="44" t="s">
        <v>72</v>
      </c>
      <c r="O21" s="42"/>
      <c r="P21" s="43"/>
      <c r="Q21" s="43"/>
      <c r="R21" s="43"/>
      <c r="S21" s="43"/>
      <c r="T21" s="43"/>
      <c r="U21" s="43"/>
      <c r="V21" s="43"/>
      <c r="W21" s="43"/>
      <c r="X21" s="43"/>
      <c r="Y21" s="43"/>
      <c r="Z21" s="43"/>
      <c r="AA21" s="43"/>
      <c r="AB21" s="43"/>
      <c r="AC21" s="43"/>
      <c r="AD21" s="43"/>
      <c r="AE21" s="43"/>
      <c r="AF21" s="44"/>
    </row>
    <row r="22" spans="2:32" s="36" customFormat="1" ht="19.5" customHeight="1" x14ac:dyDescent="0.15">
      <c r="B22" s="110"/>
      <c r="C22" s="110"/>
      <c r="D22" s="110"/>
      <c r="E22" s="110"/>
      <c r="F22" s="110"/>
      <c r="G22" s="110"/>
      <c r="H22" s="110"/>
      <c r="I22" s="110"/>
      <c r="J22" s="110"/>
      <c r="K22" s="110"/>
      <c r="L22" s="110"/>
      <c r="M22" s="42"/>
      <c r="N22" s="44" t="s">
        <v>72</v>
      </c>
      <c r="O22" s="42"/>
      <c r="P22" s="43"/>
      <c r="Q22" s="43"/>
      <c r="R22" s="43"/>
      <c r="S22" s="43"/>
      <c r="T22" s="43"/>
      <c r="U22" s="43"/>
      <c r="V22" s="43"/>
      <c r="W22" s="43"/>
      <c r="X22" s="43"/>
      <c r="Y22" s="43"/>
      <c r="Z22" s="43"/>
      <c r="AA22" s="43"/>
      <c r="AB22" s="43"/>
      <c r="AC22" s="43"/>
      <c r="AD22" s="43"/>
      <c r="AE22" s="43"/>
      <c r="AF22" s="44"/>
    </row>
    <row r="23" spans="2:32" s="36" customFormat="1" ht="19.5" customHeight="1" x14ac:dyDescent="0.15">
      <c r="B23" s="110" t="s">
        <v>18</v>
      </c>
      <c r="C23" s="110"/>
      <c r="D23" s="110"/>
      <c r="E23" s="110"/>
      <c r="F23" s="110"/>
      <c r="G23" s="110"/>
      <c r="H23" s="110"/>
      <c r="I23" s="110"/>
      <c r="J23" s="110"/>
      <c r="K23" s="110"/>
      <c r="L23" s="110"/>
      <c r="M23" s="47"/>
      <c r="N23" s="43" t="s">
        <v>72</v>
      </c>
      <c r="O23" s="42"/>
      <c r="P23" s="43"/>
      <c r="Q23" s="43"/>
      <c r="R23" s="43"/>
      <c r="S23" s="43"/>
      <c r="T23" s="43"/>
      <c r="U23" s="43"/>
      <c r="V23" s="43"/>
      <c r="W23" s="43"/>
      <c r="X23" s="43"/>
      <c r="Y23" s="43"/>
      <c r="Z23" s="43"/>
      <c r="AA23" s="43"/>
      <c r="AB23" s="43"/>
      <c r="AC23" s="43"/>
      <c r="AD23" s="43"/>
      <c r="AE23" s="43"/>
      <c r="AF23" s="44"/>
    </row>
    <row r="24" spans="2:32" s="36" customFormat="1" ht="19.5" customHeight="1" x14ac:dyDescent="0.15">
      <c r="B24" s="110"/>
      <c r="C24" s="110"/>
      <c r="D24" s="110"/>
      <c r="E24" s="110"/>
      <c r="F24" s="110"/>
      <c r="G24" s="110"/>
      <c r="H24" s="110"/>
      <c r="I24" s="110"/>
      <c r="J24" s="110"/>
      <c r="K24" s="110"/>
      <c r="L24" s="110"/>
      <c r="M24" s="47"/>
      <c r="N24" s="43" t="s">
        <v>72</v>
      </c>
      <c r="O24" s="42"/>
      <c r="P24" s="43"/>
      <c r="Q24" s="43"/>
      <c r="R24" s="43"/>
      <c r="S24" s="43"/>
      <c r="T24" s="43"/>
      <c r="U24" s="43"/>
      <c r="V24" s="43"/>
      <c r="W24" s="43"/>
      <c r="X24" s="43"/>
      <c r="Y24" s="43"/>
      <c r="Z24" s="43"/>
      <c r="AA24" s="43"/>
      <c r="AB24" s="43"/>
      <c r="AC24" s="43"/>
      <c r="AD24" s="43"/>
      <c r="AE24" s="43"/>
      <c r="AF24" s="44"/>
    </row>
    <row r="25" spans="2:32" s="36" customFormat="1" ht="19.5" customHeight="1" x14ac:dyDescent="0.15">
      <c r="B25" s="110"/>
      <c r="C25" s="110"/>
      <c r="D25" s="110"/>
      <c r="E25" s="110"/>
      <c r="F25" s="110"/>
      <c r="G25" s="110"/>
      <c r="H25" s="110"/>
      <c r="I25" s="110"/>
      <c r="J25" s="110"/>
      <c r="K25" s="110"/>
      <c r="L25" s="110"/>
      <c r="M25" s="42"/>
      <c r="N25" s="46" t="s">
        <v>72</v>
      </c>
      <c r="O25" s="48"/>
      <c r="P25" s="46"/>
      <c r="Q25" s="46"/>
      <c r="R25" s="46"/>
      <c r="S25" s="46"/>
      <c r="T25" s="46"/>
      <c r="U25" s="46"/>
      <c r="V25" s="46"/>
      <c r="W25" s="46"/>
      <c r="X25" s="46"/>
      <c r="Y25" s="46"/>
      <c r="Z25" s="46"/>
      <c r="AA25" s="46"/>
      <c r="AB25" s="46"/>
      <c r="AC25" s="46"/>
      <c r="AD25" s="46"/>
      <c r="AE25" s="46"/>
      <c r="AF25" s="49"/>
    </row>
    <row r="26" spans="2:32" s="36" customFormat="1" ht="19.5" customHeight="1" x14ac:dyDescent="0.15">
      <c r="B26" s="110" t="s">
        <v>74</v>
      </c>
      <c r="C26" s="110"/>
      <c r="D26" s="110"/>
      <c r="E26" s="110"/>
      <c r="F26" s="110"/>
      <c r="G26" s="110"/>
      <c r="H26" s="110"/>
      <c r="I26" s="110"/>
      <c r="J26" s="110"/>
      <c r="K26" s="110"/>
      <c r="L26" s="110"/>
      <c r="M26" s="47"/>
      <c r="N26" s="43" t="s">
        <v>72</v>
      </c>
      <c r="O26" s="42"/>
      <c r="P26" s="43"/>
      <c r="Q26" s="43"/>
      <c r="R26" s="43"/>
      <c r="S26" s="43"/>
      <c r="T26" s="43"/>
      <c r="U26" s="43"/>
      <c r="V26" s="43"/>
      <c r="W26" s="43"/>
      <c r="X26" s="43"/>
      <c r="Y26" s="43"/>
      <c r="Z26" s="43"/>
      <c r="AA26" s="43"/>
      <c r="AB26" s="43"/>
      <c r="AC26" s="43"/>
      <c r="AD26" s="43"/>
      <c r="AE26" s="43"/>
      <c r="AF26" s="44"/>
    </row>
    <row r="27" spans="2:32" s="36" customFormat="1" ht="19.5" customHeight="1" x14ac:dyDescent="0.15">
      <c r="B27" s="110"/>
      <c r="C27" s="110"/>
      <c r="D27" s="110"/>
      <c r="E27" s="110"/>
      <c r="F27" s="110"/>
      <c r="G27" s="110"/>
      <c r="H27" s="110"/>
      <c r="I27" s="110"/>
      <c r="J27" s="110"/>
      <c r="K27" s="110"/>
      <c r="L27" s="110"/>
      <c r="M27" s="47"/>
      <c r="N27" s="43" t="s">
        <v>72</v>
      </c>
      <c r="O27" s="42"/>
      <c r="P27" s="43"/>
      <c r="Q27" s="43"/>
      <c r="R27" s="43"/>
      <c r="S27" s="43"/>
      <c r="T27" s="43"/>
      <c r="U27" s="43"/>
      <c r="V27" s="43"/>
      <c r="W27" s="43"/>
      <c r="X27" s="43"/>
      <c r="Y27" s="43"/>
      <c r="Z27" s="43"/>
      <c r="AA27" s="43"/>
      <c r="AB27" s="43"/>
      <c r="AC27" s="43"/>
      <c r="AD27" s="43"/>
      <c r="AE27" s="43"/>
      <c r="AF27" s="44"/>
    </row>
    <row r="28" spans="2:32" s="36" customFormat="1" ht="19.5" customHeight="1" x14ac:dyDescent="0.15">
      <c r="B28" s="110"/>
      <c r="C28" s="110"/>
      <c r="D28" s="110"/>
      <c r="E28" s="110"/>
      <c r="F28" s="110"/>
      <c r="G28" s="110"/>
      <c r="H28" s="110"/>
      <c r="I28" s="110"/>
      <c r="J28" s="110"/>
      <c r="K28" s="110"/>
      <c r="L28" s="110"/>
      <c r="M28" s="42"/>
      <c r="N28" s="46" t="s">
        <v>72</v>
      </c>
      <c r="O28" s="48"/>
      <c r="P28" s="46"/>
      <c r="Q28" s="46"/>
      <c r="R28" s="46"/>
      <c r="S28" s="46"/>
      <c r="T28" s="46"/>
      <c r="U28" s="46"/>
      <c r="V28" s="46"/>
      <c r="W28" s="46"/>
      <c r="X28" s="46"/>
      <c r="Y28" s="46"/>
      <c r="Z28" s="46"/>
      <c r="AA28" s="46"/>
      <c r="AB28" s="46"/>
      <c r="AC28" s="46"/>
      <c r="AD28" s="46"/>
      <c r="AE28" s="46"/>
      <c r="AF28" s="49"/>
    </row>
    <row r="29" spans="2:32" s="36" customFormat="1" ht="19.5" customHeight="1" x14ac:dyDescent="0.15">
      <c r="B29" s="110" t="s">
        <v>75</v>
      </c>
      <c r="C29" s="110"/>
      <c r="D29" s="110"/>
      <c r="E29" s="110"/>
      <c r="F29" s="110"/>
      <c r="G29" s="110"/>
      <c r="H29" s="110"/>
      <c r="I29" s="110"/>
      <c r="J29" s="110"/>
      <c r="K29" s="110"/>
      <c r="L29" s="110"/>
      <c r="M29" s="47"/>
      <c r="N29" s="43" t="s">
        <v>72</v>
      </c>
      <c r="O29" s="42"/>
      <c r="P29" s="43"/>
      <c r="Q29" s="43"/>
      <c r="R29" s="43"/>
      <c r="S29" s="43"/>
      <c r="T29" s="43"/>
      <c r="U29" s="43"/>
      <c r="V29" s="43"/>
      <c r="W29" s="43"/>
      <c r="X29" s="43"/>
      <c r="Y29" s="43"/>
      <c r="Z29" s="43"/>
      <c r="AA29" s="43"/>
      <c r="AB29" s="43"/>
      <c r="AC29" s="43"/>
      <c r="AD29" s="43"/>
      <c r="AE29" s="43"/>
      <c r="AF29" s="44"/>
    </row>
    <row r="30" spans="2:32" s="36" customFormat="1" ht="19.5" customHeight="1" x14ac:dyDescent="0.15">
      <c r="B30" s="110"/>
      <c r="C30" s="110"/>
      <c r="D30" s="110"/>
      <c r="E30" s="110"/>
      <c r="F30" s="110"/>
      <c r="G30" s="110"/>
      <c r="H30" s="110"/>
      <c r="I30" s="110"/>
      <c r="J30" s="110"/>
      <c r="K30" s="110"/>
      <c r="L30" s="110"/>
      <c r="M30" s="47"/>
      <c r="N30" s="43" t="s">
        <v>72</v>
      </c>
      <c r="O30" s="42"/>
      <c r="P30" s="43"/>
      <c r="Q30" s="43"/>
      <c r="R30" s="43"/>
      <c r="S30" s="43"/>
      <c r="T30" s="43"/>
      <c r="U30" s="43"/>
      <c r="V30" s="43"/>
      <c r="W30" s="43"/>
      <c r="X30" s="43"/>
      <c r="Y30" s="43"/>
      <c r="Z30" s="43"/>
      <c r="AA30" s="43"/>
      <c r="AB30" s="43"/>
      <c r="AC30" s="43"/>
      <c r="AD30" s="43"/>
      <c r="AE30" s="43"/>
      <c r="AF30" s="44"/>
    </row>
    <row r="31" spans="2:32" s="36" customFormat="1" ht="19.5" customHeight="1" x14ac:dyDescent="0.15">
      <c r="B31" s="110"/>
      <c r="C31" s="110"/>
      <c r="D31" s="110"/>
      <c r="E31" s="110"/>
      <c r="F31" s="110"/>
      <c r="G31" s="110"/>
      <c r="H31" s="110"/>
      <c r="I31" s="110"/>
      <c r="J31" s="110"/>
      <c r="K31" s="110"/>
      <c r="L31" s="110"/>
      <c r="M31" s="42"/>
      <c r="N31" s="46" t="s">
        <v>72</v>
      </c>
      <c r="O31" s="48"/>
      <c r="P31" s="46"/>
      <c r="Q31" s="46"/>
      <c r="R31" s="46"/>
      <c r="S31" s="46"/>
      <c r="T31" s="46"/>
      <c r="U31" s="46"/>
      <c r="V31" s="46"/>
      <c r="W31" s="46"/>
      <c r="X31" s="46"/>
      <c r="Y31" s="46"/>
      <c r="Z31" s="46"/>
      <c r="AA31" s="46"/>
      <c r="AB31" s="46"/>
      <c r="AC31" s="46"/>
      <c r="AD31" s="46"/>
      <c r="AE31" s="46"/>
      <c r="AF31" s="49"/>
    </row>
    <row r="32" spans="2:32" s="36" customFormat="1" ht="19.5" customHeight="1" x14ac:dyDescent="0.15">
      <c r="B32" s="110" t="s">
        <v>76</v>
      </c>
      <c r="C32" s="110"/>
      <c r="D32" s="110"/>
      <c r="E32" s="110"/>
      <c r="F32" s="110"/>
      <c r="G32" s="110"/>
      <c r="H32" s="110"/>
      <c r="I32" s="110"/>
      <c r="J32" s="110"/>
      <c r="K32" s="110"/>
      <c r="L32" s="110"/>
      <c r="M32" s="47"/>
      <c r="N32" s="43" t="s">
        <v>72</v>
      </c>
      <c r="O32" s="42"/>
      <c r="P32" s="43"/>
      <c r="Q32" s="43"/>
      <c r="R32" s="43"/>
      <c r="S32" s="43"/>
      <c r="T32" s="43"/>
      <c r="U32" s="43"/>
      <c r="V32" s="43"/>
      <c r="W32" s="43"/>
      <c r="X32" s="43"/>
      <c r="Y32" s="43"/>
      <c r="Z32" s="43"/>
      <c r="AA32" s="43"/>
      <c r="AB32" s="43"/>
      <c r="AC32" s="43"/>
      <c r="AD32" s="43"/>
      <c r="AE32" s="43"/>
      <c r="AF32" s="44"/>
    </row>
    <row r="33" spans="1:32" s="36" customFormat="1" ht="19.5" customHeight="1" x14ac:dyDescent="0.15">
      <c r="B33" s="110"/>
      <c r="C33" s="110"/>
      <c r="D33" s="110"/>
      <c r="E33" s="110"/>
      <c r="F33" s="110"/>
      <c r="G33" s="110"/>
      <c r="H33" s="110"/>
      <c r="I33" s="110"/>
      <c r="J33" s="110"/>
      <c r="K33" s="110"/>
      <c r="L33" s="110"/>
      <c r="M33" s="47"/>
      <c r="N33" s="43" t="s">
        <v>72</v>
      </c>
      <c r="O33" s="42"/>
      <c r="P33" s="43"/>
      <c r="Q33" s="43"/>
      <c r="R33" s="43"/>
      <c r="S33" s="43"/>
      <c r="T33" s="43"/>
      <c r="U33" s="43"/>
      <c r="V33" s="43"/>
      <c r="W33" s="43"/>
      <c r="X33" s="43"/>
      <c r="Y33" s="43"/>
      <c r="Z33" s="43"/>
      <c r="AA33" s="43"/>
      <c r="AB33" s="43"/>
      <c r="AC33" s="43"/>
      <c r="AD33" s="43"/>
      <c r="AE33" s="43"/>
      <c r="AF33" s="44"/>
    </row>
    <row r="34" spans="1:32" s="36" customFormat="1" ht="19.5" customHeight="1" x14ac:dyDescent="0.15">
      <c r="B34" s="110"/>
      <c r="C34" s="110"/>
      <c r="D34" s="110"/>
      <c r="E34" s="110"/>
      <c r="F34" s="110"/>
      <c r="G34" s="110"/>
      <c r="H34" s="110"/>
      <c r="I34" s="110"/>
      <c r="J34" s="110"/>
      <c r="K34" s="110"/>
      <c r="L34" s="110"/>
      <c r="M34" s="42"/>
      <c r="N34" s="46" t="s">
        <v>72</v>
      </c>
      <c r="O34" s="48"/>
      <c r="P34" s="46"/>
      <c r="Q34" s="46"/>
      <c r="R34" s="46"/>
      <c r="S34" s="46"/>
      <c r="T34" s="46"/>
      <c r="U34" s="46"/>
      <c r="V34" s="46"/>
      <c r="W34" s="46"/>
      <c r="X34" s="46"/>
      <c r="Y34" s="46"/>
      <c r="Z34" s="46"/>
      <c r="AA34" s="46"/>
      <c r="AB34" s="46"/>
      <c r="AC34" s="46"/>
      <c r="AD34" s="46"/>
      <c r="AE34" s="46"/>
      <c r="AF34" s="49"/>
    </row>
    <row r="35" spans="1:32" s="36" customFormat="1" ht="19.5" customHeight="1" x14ac:dyDescent="0.15">
      <c r="B35" s="110" t="s">
        <v>77</v>
      </c>
      <c r="C35" s="110"/>
      <c r="D35" s="110"/>
      <c r="E35" s="110"/>
      <c r="F35" s="110"/>
      <c r="G35" s="110"/>
      <c r="H35" s="110"/>
      <c r="I35" s="110"/>
      <c r="J35" s="110"/>
      <c r="K35" s="110"/>
      <c r="L35" s="110"/>
      <c r="M35" s="42"/>
      <c r="N35" s="44" t="s">
        <v>72</v>
      </c>
      <c r="O35" s="42"/>
      <c r="P35" s="43"/>
      <c r="Q35" s="43"/>
      <c r="R35" s="43"/>
      <c r="S35" s="43"/>
      <c r="T35" s="43"/>
      <c r="U35" s="43"/>
      <c r="V35" s="43"/>
      <c r="W35" s="43"/>
      <c r="X35" s="43"/>
      <c r="Y35" s="43"/>
      <c r="Z35" s="43"/>
      <c r="AA35" s="43"/>
      <c r="AB35" s="43"/>
      <c r="AC35" s="43"/>
      <c r="AD35" s="43"/>
      <c r="AE35" s="43"/>
      <c r="AF35" s="44"/>
    </row>
    <row r="36" spans="1:32" s="36" customFormat="1" ht="19.5" customHeight="1" x14ac:dyDescent="0.15">
      <c r="B36" s="110"/>
      <c r="C36" s="110"/>
      <c r="D36" s="110"/>
      <c r="E36" s="110"/>
      <c r="F36" s="110"/>
      <c r="G36" s="110"/>
      <c r="H36" s="110"/>
      <c r="I36" s="110"/>
      <c r="J36" s="110"/>
      <c r="K36" s="110"/>
      <c r="L36" s="110"/>
      <c r="M36" s="42"/>
      <c r="N36" s="44" t="s">
        <v>72</v>
      </c>
      <c r="O36" s="42"/>
      <c r="P36" s="43"/>
      <c r="Q36" s="43"/>
      <c r="R36" s="43"/>
      <c r="S36" s="43"/>
      <c r="T36" s="43"/>
      <c r="U36" s="43"/>
      <c r="V36" s="43"/>
      <c r="W36" s="43"/>
      <c r="X36" s="43"/>
      <c r="Y36" s="43"/>
      <c r="Z36" s="43"/>
      <c r="AA36" s="43"/>
      <c r="AB36" s="43"/>
      <c r="AC36" s="43"/>
      <c r="AD36" s="43"/>
      <c r="AE36" s="43"/>
      <c r="AF36" s="44"/>
    </row>
    <row r="37" spans="1:32" s="36" customFormat="1" ht="19.5" customHeight="1" x14ac:dyDescent="0.15">
      <c r="B37" s="110"/>
      <c r="C37" s="110"/>
      <c r="D37" s="110"/>
      <c r="E37" s="110"/>
      <c r="F37" s="110"/>
      <c r="G37" s="110"/>
      <c r="H37" s="110"/>
      <c r="I37" s="110"/>
      <c r="J37" s="110"/>
      <c r="K37" s="110"/>
      <c r="L37" s="110"/>
      <c r="M37" s="42"/>
      <c r="N37" s="44" t="s">
        <v>72</v>
      </c>
      <c r="O37" s="42"/>
      <c r="P37" s="43"/>
      <c r="Q37" s="43"/>
      <c r="R37" s="43"/>
      <c r="S37" s="43"/>
      <c r="T37" s="43"/>
      <c r="U37" s="43"/>
      <c r="V37" s="43"/>
      <c r="W37" s="43"/>
      <c r="X37" s="43"/>
      <c r="Y37" s="43"/>
      <c r="Z37" s="43"/>
      <c r="AA37" s="43"/>
      <c r="AB37" s="43"/>
      <c r="AC37" s="43"/>
      <c r="AD37" s="43"/>
      <c r="AE37" s="43"/>
      <c r="AF37" s="44"/>
    </row>
    <row r="39" spans="1:32" x14ac:dyDescent="0.15">
      <c r="B39" s="35" t="s">
        <v>78</v>
      </c>
    </row>
    <row r="40" spans="1:32" x14ac:dyDescent="0.15">
      <c r="B40" s="35" t="s">
        <v>79</v>
      </c>
    </row>
    <row r="42" spans="1:32" x14ac:dyDescent="0.15">
      <c r="A42" s="35" t="s">
        <v>80</v>
      </c>
    </row>
  </sheetData>
  <sheetProtection selectLockedCells="1" selectUnlockedCells="1"/>
  <mergeCells count="12">
    <mergeCell ref="B35:L37"/>
    <mergeCell ref="B9:AF10"/>
    <mergeCell ref="R14:V14"/>
    <mergeCell ref="B16:L16"/>
    <mergeCell ref="M16:N16"/>
    <mergeCell ref="O16:AF16"/>
    <mergeCell ref="B17:L19"/>
    <mergeCell ref="B20:L22"/>
    <mergeCell ref="B23:L25"/>
    <mergeCell ref="B26:L28"/>
    <mergeCell ref="B29:L31"/>
    <mergeCell ref="B32:L34"/>
  </mergeCells>
  <phoneticPr fontId="12"/>
  <pageMargins left="0.59027777777777779" right="0" top="0.39374999999999999" bottom="0.51180555555555551" header="0.51180555555555551" footer="0.51180555555555551"/>
  <pageSetup paperSize="9" scale="81" firstPageNumber="0" orientation="portrait" useFirstPageNumber="1" horizontalDpi="300" verticalDpi="300" r:id="rId1"/>
  <headerFooter alignWithMargins="0">
    <oddFooter>&amp;C&amp;"HGSｺﾞｼｯｸM,標準"&amp;16 1－&amp;P</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D97EB72-C30D-43D4-9D07-4D08AC61A745}">
  <sheetPr>
    <pageSetUpPr fitToPage="1"/>
  </sheetPr>
  <dimension ref="B1:AD58"/>
  <sheetViews>
    <sheetView view="pageBreakPreview" topLeftCell="A16" zoomScaleNormal="100" zoomScaleSheetLayoutView="100" workbookViewId="0">
      <selection activeCell="G8" sqref="G8:W8"/>
    </sheetView>
  </sheetViews>
  <sheetFormatPr defaultColWidth="3.5" defaultRowHeight="13.5" x14ac:dyDescent="0.15"/>
  <cols>
    <col min="1" max="1" width="1.25" style="54" customWidth="1"/>
    <col min="2" max="2" width="3.125" style="83" customWidth="1"/>
    <col min="3" max="29" width="3.125" style="54" customWidth="1"/>
    <col min="30" max="30" width="1.25" style="54" customWidth="1"/>
    <col min="31" max="256" width="3.5" style="54"/>
    <col min="257" max="257" width="1.25" style="54" customWidth="1"/>
    <col min="258" max="285" width="3.125" style="54" customWidth="1"/>
    <col min="286" max="286" width="1.25" style="54" customWidth="1"/>
    <col min="287" max="512" width="3.5" style="54"/>
    <col min="513" max="513" width="1.25" style="54" customWidth="1"/>
    <col min="514" max="541" width="3.125" style="54" customWidth="1"/>
    <col min="542" max="542" width="1.25" style="54" customWidth="1"/>
    <col min="543" max="768" width="3.5" style="54"/>
    <col min="769" max="769" width="1.25" style="54" customWidth="1"/>
    <col min="770" max="797" width="3.125" style="54" customWidth="1"/>
    <col min="798" max="798" width="1.25" style="54" customWidth="1"/>
    <col min="799" max="1024" width="3.5" style="54"/>
    <col min="1025" max="1025" width="1.25" style="54" customWidth="1"/>
    <col min="1026" max="1053" width="3.125" style="54" customWidth="1"/>
    <col min="1054" max="1054" width="1.25" style="54" customWidth="1"/>
    <col min="1055" max="1280" width="3.5" style="54"/>
    <col min="1281" max="1281" width="1.25" style="54" customWidth="1"/>
    <col min="1282" max="1309" width="3.125" style="54" customWidth="1"/>
    <col min="1310" max="1310" width="1.25" style="54" customWidth="1"/>
    <col min="1311" max="1536" width="3.5" style="54"/>
    <col min="1537" max="1537" width="1.25" style="54" customWidth="1"/>
    <col min="1538" max="1565" width="3.125" style="54" customWidth="1"/>
    <col min="1566" max="1566" width="1.25" style="54" customWidth="1"/>
    <col min="1567" max="1792" width="3.5" style="54"/>
    <col min="1793" max="1793" width="1.25" style="54" customWidth="1"/>
    <col min="1794" max="1821" width="3.125" style="54" customWidth="1"/>
    <col min="1822" max="1822" width="1.25" style="54" customWidth="1"/>
    <col min="1823" max="2048" width="3.5" style="54"/>
    <col min="2049" max="2049" width="1.25" style="54" customWidth="1"/>
    <col min="2050" max="2077" width="3.125" style="54" customWidth="1"/>
    <col min="2078" max="2078" width="1.25" style="54" customWidth="1"/>
    <col min="2079" max="2304" width="3.5" style="54"/>
    <col min="2305" max="2305" width="1.25" style="54" customWidth="1"/>
    <col min="2306" max="2333" width="3.125" style="54" customWidth="1"/>
    <col min="2334" max="2334" width="1.25" style="54" customWidth="1"/>
    <col min="2335" max="2560" width="3.5" style="54"/>
    <col min="2561" max="2561" width="1.25" style="54" customWidth="1"/>
    <col min="2562" max="2589" width="3.125" style="54" customWidth="1"/>
    <col min="2590" max="2590" width="1.25" style="54" customWidth="1"/>
    <col min="2591" max="2816" width="3.5" style="54"/>
    <col min="2817" max="2817" width="1.25" style="54" customWidth="1"/>
    <col min="2818" max="2845" width="3.125" style="54" customWidth="1"/>
    <col min="2846" max="2846" width="1.25" style="54" customWidth="1"/>
    <col min="2847" max="3072" width="3.5" style="54"/>
    <col min="3073" max="3073" width="1.25" style="54" customWidth="1"/>
    <col min="3074" max="3101" width="3.125" style="54" customWidth="1"/>
    <col min="3102" max="3102" width="1.25" style="54" customWidth="1"/>
    <col min="3103" max="3328" width="3.5" style="54"/>
    <col min="3329" max="3329" width="1.25" style="54" customWidth="1"/>
    <col min="3330" max="3357" width="3.125" style="54" customWidth="1"/>
    <col min="3358" max="3358" width="1.25" style="54" customWidth="1"/>
    <col min="3359" max="3584" width="3.5" style="54"/>
    <col min="3585" max="3585" width="1.25" style="54" customWidth="1"/>
    <col min="3586" max="3613" width="3.125" style="54" customWidth="1"/>
    <col min="3614" max="3614" width="1.25" style="54" customWidth="1"/>
    <col min="3615" max="3840" width="3.5" style="54"/>
    <col min="3841" max="3841" width="1.25" style="54" customWidth="1"/>
    <col min="3842" max="3869" width="3.125" style="54" customWidth="1"/>
    <col min="3870" max="3870" width="1.25" style="54" customWidth="1"/>
    <col min="3871" max="4096" width="3.5" style="54"/>
    <col min="4097" max="4097" width="1.25" style="54" customWidth="1"/>
    <col min="4098" max="4125" width="3.125" style="54" customWidth="1"/>
    <col min="4126" max="4126" width="1.25" style="54" customWidth="1"/>
    <col min="4127" max="4352" width="3.5" style="54"/>
    <col min="4353" max="4353" width="1.25" style="54" customWidth="1"/>
    <col min="4354" max="4381" width="3.125" style="54" customWidth="1"/>
    <col min="4382" max="4382" width="1.25" style="54" customWidth="1"/>
    <col min="4383" max="4608" width="3.5" style="54"/>
    <col min="4609" max="4609" width="1.25" style="54" customWidth="1"/>
    <col min="4610" max="4637" width="3.125" style="54" customWidth="1"/>
    <col min="4638" max="4638" width="1.25" style="54" customWidth="1"/>
    <col min="4639" max="4864" width="3.5" style="54"/>
    <col min="4865" max="4865" width="1.25" style="54" customWidth="1"/>
    <col min="4866" max="4893" width="3.125" style="54" customWidth="1"/>
    <col min="4894" max="4894" width="1.25" style="54" customWidth="1"/>
    <col min="4895" max="5120" width="3.5" style="54"/>
    <col min="5121" max="5121" width="1.25" style="54" customWidth="1"/>
    <col min="5122" max="5149" width="3.125" style="54" customWidth="1"/>
    <col min="5150" max="5150" width="1.25" style="54" customWidth="1"/>
    <col min="5151" max="5376" width="3.5" style="54"/>
    <col min="5377" max="5377" width="1.25" style="54" customWidth="1"/>
    <col min="5378" max="5405" width="3.125" style="54" customWidth="1"/>
    <col min="5406" max="5406" width="1.25" style="54" customWidth="1"/>
    <col min="5407" max="5632" width="3.5" style="54"/>
    <col min="5633" max="5633" width="1.25" style="54" customWidth="1"/>
    <col min="5634" max="5661" width="3.125" style="54" customWidth="1"/>
    <col min="5662" max="5662" width="1.25" style="54" customWidth="1"/>
    <col min="5663" max="5888" width="3.5" style="54"/>
    <col min="5889" max="5889" width="1.25" style="54" customWidth="1"/>
    <col min="5890" max="5917" width="3.125" style="54" customWidth="1"/>
    <col min="5918" max="5918" width="1.25" style="54" customWidth="1"/>
    <col min="5919" max="6144" width="3.5" style="54"/>
    <col min="6145" max="6145" width="1.25" style="54" customWidth="1"/>
    <col min="6146" max="6173" width="3.125" style="54" customWidth="1"/>
    <col min="6174" max="6174" width="1.25" style="54" customWidth="1"/>
    <col min="6175" max="6400" width="3.5" style="54"/>
    <col min="6401" max="6401" width="1.25" style="54" customWidth="1"/>
    <col min="6402" max="6429" width="3.125" style="54" customWidth="1"/>
    <col min="6430" max="6430" width="1.25" style="54" customWidth="1"/>
    <col min="6431" max="6656" width="3.5" style="54"/>
    <col min="6657" max="6657" width="1.25" style="54" customWidth="1"/>
    <col min="6658" max="6685" width="3.125" style="54" customWidth="1"/>
    <col min="6686" max="6686" width="1.25" style="54" customWidth="1"/>
    <col min="6687" max="6912" width="3.5" style="54"/>
    <col min="6913" max="6913" width="1.25" style="54" customWidth="1"/>
    <col min="6914" max="6941" width="3.125" style="54" customWidth="1"/>
    <col min="6942" max="6942" width="1.25" style="54" customWidth="1"/>
    <col min="6943" max="7168" width="3.5" style="54"/>
    <col min="7169" max="7169" width="1.25" style="54" customWidth="1"/>
    <col min="7170" max="7197" width="3.125" style="54" customWidth="1"/>
    <col min="7198" max="7198" width="1.25" style="54" customWidth="1"/>
    <col min="7199" max="7424" width="3.5" style="54"/>
    <col min="7425" max="7425" width="1.25" style="54" customWidth="1"/>
    <col min="7426" max="7453" width="3.125" style="54" customWidth="1"/>
    <col min="7454" max="7454" width="1.25" style="54" customWidth="1"/>
    <col min="7455" max="7680" width="3.5" style="54"/>
    <col min="7681" max="7681" width="1.25" style="54" customWidth="1"/>
    <col min="7682" max="7709" width="3.125" style="54" customWidth="1"/>
    <col min="7710" max="7710" width="1.25" style="54" customWidth="1"/>
    <col min="7711" max="7936" width="3.5" style="54"/>
    <col min="7937" max="7937" width="1.25" style="54" customWidth="1"/>
    <col min="7938" max="7965" width="3.125" style="54" customWidth="1"/>
    <col min="7966" max="7966" width="1.25" style="54" customWidth="1"/>
    <col min="7967" max="8192" width="3.5" style="54"/>
    <col min="8193" max="8193" width="1.25" style="54" customWidth="1"/>
    <col min="8194" max="8221" width="3.125" style="54" customWidth="1"/>
    <col min="8222" max="8222" width="1.25" style="54" customWidth="1"/>
    <col min="8223" max="8448" width="3.5" style="54"/>
    <col min="8449" max="8449" width="1.25" style="54" customWidth="1"/>
    <col min="8450" max="8477" width="3.125" style="54" customWidth="1"/>
    <col min="8478" max="8478" width="1.25" style="54" customWidth="1"/>
    <col min="8479" max="8704" width="3.5" style="54"/>
    <col min="8705" max="8705" width="1.25" style="54" customWidth="1"/>
    <col min="8706" max="8733" width="3.125" style="54" customWidth="1"/>
    <col min="8734" max="8734" width="1.25" style="54" customWidth="1"/>
    <col min="8735" max="8960" width="3.5" style="54"/>
    <col min="8961" max="8961" width="1.25" style="54" customWidth="1"/>
    <col min="8962" max="8989" width="3.125" style="54" customWidth="1"/>
    <col min="8990" max="8990" width="1.25" style="54" customWidth="1"/>
    <col min="8991" max="9216" width="3.5" style="54"/>
    <col min="9217" max="9217" width="1.25" style="54" customWidth="1"/>
    <col min="9218" max="9245" width="3.125" style="54" customWidth="1"/>
    <col min="9246" max="9246" width="1.25" style="54" customWidth="1"/>
    <col min="9247" max="9472" width="3.5" style="54"/>
    <col min="9473" max="9473" width="1.25" style="54" customWidth="1"/>
    <col min="9474" max="9501" width="3.125" style="54" customWidth="1"/>
    <col min="9502" max="9502" width="1.25" style="54" customWidth="1"/>
    <col min="9503" max="9728" width="3.5" style="54"/>
    <col min="9729" max="9729" width="1.25" style="54" customWidth="1"/>
    <col min="9730" max="9757" width="3.125" style="54" customWidth="1"/>
    <col min="9758" max="9758" width="1.25" style="54" customWidth="1"/>
    <col min="9759" max="9984" width="3.5" style="54"/>
    <col min="9985" max="9985" width="1.25" style="54" customWidth="1"/>
    <col min="9986" max="10013" width="3.125" style="54" customWidth="1"/>
    <col min="10014" max="10014" width="1.25" style="54" customWidth="1"/>
    <col min="10015" max="10240" width="3.5" style="54"/>
    <col min="10241" max="10241" width="1.25" style="54" customWidth="1"/>
    <col min="10242" max="10269" width="3.125" style="54" customWidth="1"/>
    <col min="10270" max="10270" width="1.25" style="54" customWidth="1"/>
    <col min="10271" max="10496" width="3.5" style="54"/>
    <col min="10497" max="10497" width="1.25" style="54" customWidth="1"/>
    <col min="10498" max="10525" width="3.125" style="54" customWidth="1"/>
    <col min="10526" max="10526" width="1.25" style="54" customWidth="1"/>
    <col min="10527" max="10752" width="3.5" style="54"/>
    <col min="10753" max="10753" width="1.25" style="54" customWidth="1"/>
    <col min="10754" max="10781" width="3.125" style="54" customWidth="1"/>
    <col min="10782" max="10782" width="1.25" style="54" customWidth="1"/>
    <col min="10783" max="11008" width="3.5" style="54"/>
    <col min="11009" max="11009" width="1.25" style="54" customWidth="1"/>
    <col min="11010" max="11037" width="3.125" style="54" customWidth="1"/>
    <col min="11038" max="11038" width="1.25" style="54" customWidth="1"/>
    <col min="11039" max="11264" width="3.5" style="54"/>
    <col min="11265" max="11265" width="1.25" style="54" customWidth="1"/>
    <col min="11266" max="11293" width="3.125" style="54" customWidth="1"/>
    <col min="11294" max="11294" width="1.25" style="54" customWidth="1"/>
    <col min="11295" max="11520" width="3.5" style="54"/>
    <col min="11521" max="11521" width="1.25" style="54" customWidth="1"/>
    <col min="11522" max="11549" width="3.125" style="54" customWidth="1"/>
    <col min="11550" max="11550" width="1.25" style="54" customWidth="1"/>
    <col min="11551" max="11776" width="3.5" style="54"/>
    <col min="11777" max="11777" width="1.25" style="54" customWidth="1"/>
    <col min="11778" max="11805" width="3.125" style="54" customWidth="1"/>
    <col min="11806" max="11806" width="1.25" style="54" customWidth="1"/>
    <col min="11807" max="12032" width="3.5" style="54"/>
    <col min="12033" max="12033" width="1.25" style="54" customWidth="1"/>
    <col min="12034" max="12061" width="3.125" style="54" customWidth="1"/>
    <col min="12062" max="12062" width="1.25" style="54" customWidth="1"/>
    <col min="12063" max="12288" width="3.5" style="54"/>
    <col min="12289" max="12289" width="1.25" style="54" customWidth="1"/>
    <col min="12290" max="12317" width="3.125" style="54" customWidth="1"/>
    <col min="12318" max="12318" width="1.25" style="54" customWidth="1"/>
    <col min="12319" max="12544" width="3.5" style="54"/>
    <col min="12545" max="12545" width="1.25" style="54" customWidth="1"/>
    <col min="12546" max="12573" width="3.125" style="54" customWidth="1"/>
    <col min="12574" max="12574" width="1.25" style="54" customWidth="1"/>
    <col min="12575" max="12800" width="3.5" style="54"/>
    <col min="12801" max="12801" width="1.25" style="54" customWidth="1"/>
    <col min="12802" max="12829" width="3.125" style="54" customWidth="1"/>
    <col min="12830" max="12830" width="1.25" style="54" customWidth="1"/>
    <col min="12831" max="13056" width="3.5" style="54"/>
    <col min="13057" max="13057" width="1.25" style="54" customWidth="1"/>
    <col min="13058" max="13085" width="3.125" style="54" customWidth="1"/>
    <col min="13086" max="13086" width="1.25" style="54" customWidth="1"/>
    <col min="13087" max="13312" width="3.5" style="54"/>
    <col min="13313" max="13313" width="1.25" style="54" customWidth="1"/>
    <col min="13314" max="13341" width="3.125" style="54" customWidth="1"/>
    <col min="13342" max="13342" width="1.25" style="54" customWidth="1"/>
    <col min="13343" max="13568" width="3.5" style="54"/>
    <col min="13569" max="13569" width="1.25" style="54" customWidth="1"/>
    <col min="13570" max="13597" width="3.125" style="54" customWidth="1"/>
    <col min="13598" max="13598" width="1.25" style="54" customWidth="1"/>
    <col min="13599" max="13824" width="3.5" style="54"/>
    <col min="13825" max="13825" width="1.25" style="54" customWidth="1"/>
    <col min="13826" max="13853" width="3.125" style="54" customWidth="1"/>
    <col min="13854" max="13854" width="1.25" style="54" customWidth="1"/>
    <col min="13855" max="14080" width="3.5" style="54"/>
    <col min="14081" max="14081" width="1.25" style="54" customWidth="1"/>
    <col min="14082" max="14109" width="3.125" style="54" customWidth="1"/>
    <col min="14110" max="14110" width="1.25" style="54" customWidth="1"/>
    <col min="14111" max="14336" width="3.5" style="54"/>
    <col min="14337" max="14337" width="1.25" style="54" customWidth="1"/>
    <col min="14338" max="14365" width="3.125" style="54" customWidth="1"/>
    <col min="14366" max="14366" width="1.25" style="54" customWidth="1"/>
    <col min="14367" max="14592" width="3.5" style="54"/>
    <col min="14593" max="14593" width="1.25" style="54" customWidth="1"/>
    <col min="14594" max="14621" width="3.125" style="54" customWidth="1"/>
    <col min="14622" max="14622" width="1.25" style="54" customWidth="1"/>
    <col min="14623" max="14848" width="3.5" style="54"/>
    <col min="14849" max="14849" width="1.25" style="54" customWidth="1"/>
    <col min="14850" max="14877" width="3.125" style="54" customWidth="1"/>
    <col min="14878" max="14878" width="1.25" style="54" customWidth="1"/>
    <col min="14879" max="15104" width="3.5" style="54"/>
    <col min="15105" max="15105" width="1.25" style="54" customWidth="1"/>
    <col min="15106" max="15133" width="3.125" style="54" customWidth="1"/>
    <col min="15134" max="15134" width="1.25" style="54" customWidth="1"/>
    <col min="15135" max="15360" width="3.5" style="54"/>
    <col min="15361" max="15361" width="1.25" style="54" customWidth="1"/>
    <col min="15362" max="15389" width="3.125" style="54" customWidth="1"/>
    <col min="15390" max="15390" width="1.25" style="54" customWidth="1"/>
    <col min="15391" max="15616" width="3.5" style="54"/>
    <col min="15617" max="15617" width="1.25" style="54" customWidth="1"/>
    <col min="15618" max="15645" width="3.125" style="54" customWidth="1"/>
    <col min="15646" max="15646" width="1.25" style="54" customWidth="1"/>
    <col min="15647" max="15872" width="3.5" style="54"/>
    <col min="15873" max="15873" width="1.25" style="54" customWidth="1"/>
    <col min="15874" max="15901" width="3.125" style="54" customWidth="1"/>
    <col min="15902" max="15902" width="1.25" style="54" customWidth="1"/>
    <col min="15903" max="16128" width="3.5" style="54"/>
    <col min="16129" max="16129" width="1.25" style="54" customWidth="1"/>
    <col min="16130" max="16157" width="3.125" style="54" customWidth="1"/>
    <col min="16158" max="16158" width="1.25" style="54" customWidth="1"/>
    <col min="16159" max="16384" width="3.5" style="54"/>
  </cols>
  <sheetData>
    <row r="1" spans="2:29" s="50" customFormat="1" x14ac:dyDescent="0.15"/>
    <row r="2" spans="2:29" s="50" customFormat="1" x14ac:dyDescent="0.15">
      <c r="B2" s="50" t="s">
        <v>81</v>
      </c>
    </row>
    <row r="3" spans="2:29" s="50" customFormat="1" x14ac:dyDescent="0.15">
      <c r="W3" s="51" t="s">
        <v>82</v>
      </c>
      <c r="X3" s="51"/>
      <c r="Y3" s="51" t="s">
        <v>83</v>
      </c>
      <c r="Z3" s="51"/>
      <c r="AA3" s="51" t="s">
        <v>84</v>
      </c>
      <c r="AB3" s="51"/>
      <c r="AC3" s="51" t="s">
        <v>85</v>
      </c>
    </row>
    <row r="4" spans="2:29" s="50" customFormat="1" x14ac:dyDescent="0.15">
      <c r="AC4" s="51"/>
    </row>
    <row r="5" spans="2:29" s="50" customFormat="1" ht="27.75" customHeight="1" x14ac:dyDescent="0.15">
      <c r="B5" s="115" t="s">
        <v>86</v>
      </c>
      <c r="C5" s="115"/>
      <c r="D5" s="115"/>
      <c r="E5" s="115"/>
      <c r="F5" s="115"/>
      <c r="G5" s="115"/>
      <c r="H5" s="115"/>
      <c r="I5" s="115"/>
      <c r="J5" s="115"/>
      <c r="K5" s="115"/>
      <c r="L5" s="115"/>
      <c r="M5" s="115"/>
      <c r="N5" s="115"/>
      <c r="O5" s="115"/>
      <c r="P5" s="115"/>
      <c r="Q5" s="115"/>
      <c r="R5" s="115"/>
      <c r="S5" s="115"/>
      <c r="T5" s="115"/>
      <c r="U5" s="115"/>
      <c r="V5" s="115"/>
      <c r="W5" s="115"/>
      <c r="X5" s="115"/>
      <c r="Y5" s="115"/>
      <c r="Z5" s="115"/>
      <c r="AA5" s="115"/>
      <c r="AB5" s="115"/>
    </row>
    <row r="6" spans="2:29" s="50" customFormat="1" x14ac:dyDescent="0.15"/>
    <row r="7" spans="2:29" s="50" customFormat="1" ht="23.25" customHeight="1" x14ac:dyDescent="0.15">
      <c r="B7" s="116" t="s">
        <v>87</v>
      </c>
      <c r="C7" s="116"/>
      <c r="D7" s="116"/>
      <c r="E7" s="116"/>
      <c r="F7" s="116"/>
      <c r="G7" s="117"/>
      <c r="H7" s="118"/>
      <c r="I7" s="118"/>
      <c r="J7" s="118"/>
      <c r="K7" s="118"/>
      <c r="L7" s="118"/>
      <c r="M7" s="118"/>
      <c r="N7" s="118"/>
      <c r="O7" s="118"/>
      <c r="P7" s="118"/>
      <c r="Q7" s="118"/>
      <c r="R7" s="118"/>
      <c r="S7" s="118"/>
      <c r="T7" s="118"/>
      <c r="U7" s="118"/>
      <c r="V7" s="118"/>
      <c r="W7" s="118"/>
      <c r="X7" s="118"/>
      <c r="Y7" s="118"/>
      <c r="Z7" s="118"/>
      <c r="AA7" s="118"/>
      <c r="AB7" s="118"/>
      <c r="AC7" s="119"/>
    </row>
    <row r="8" spans="2:29" ht="23.25" customHeight="1" x14ac:dyDescent="0.15">
      <c r="B8" s="116" t="s">
        <v>88</v>
      </c>
      <c r="C8" s="116"/>
      <c r="D8" s="116"/>
      <c r="E8" s="116"/>
      <c r="F8" s="116"/>
      <c r="G8" s="120" t="s">
        <v>89</v>
      </c>
      <c r="H8" s="120"/>
      <c r="I8" s="120"/>
      <c r="J8" s="120"/>
      <c r="K8" s="120"/>
      <c r="L8" s="120"/>
      <c r="M8" s="120"/>
      <c r="N8" s="120"/>
      <c r="O8" s="120"/>
      <c r="P8" s="120"/>
      <c r="Q8" s="120"/>
      <c r="R8" s="120"/>
      <c r="S8" s="120"/>
      <c r="T8" s="120"/>
      <c r="U8" s="120"/>
      <c r="V8" s="120"/>
      <c r="W8" s="120"/>
      <c r="X8" s="52"/>
      <c r="Y8" s="52"/>
      <c r="Z8" s="52"/>
      <c r="AA8" s="52"/>
      <c r="AB8" s="52"/>
      <c r="AC8" s="53"/>
    </row>
    <row r="9" spans="2:29" ht="18" customHeight="1" x14ac:dyDescent="0.15">
      <c r="B9" s="121" t="s">
        <v>90</v>
      </c>
      <c r="C9" s="121"/>
      <c r="D9" s="121"/>
      <c r="E9" s="121"/>
      <c r="F9" s="121"/>
      <c r="G9" s="122" t="s">
        <v>91</v>
      </c>
      <c r="H9" s="122"/>
      <c r="I9" s="122"/>
      <c r="J9" s="122"/>
      <c r="K9" s="122"/>
      <c r="L9" s="122"/>
      <c r="M9" s="122"/>
      <c r="N9" s="122"/>
      <c r="O9" s="122"/>
      <c r="P9" s="122"/>
      <c r="Q9" s="122"/>
      <c r="R9" s="122"/>
      <c r="S9" s="122"/>
      <c r="T9" s="122"/>
      <c r="U9" s="122"/>
      <c r="V9" s="122"/>
      <c r="W9" s="122"/>
      <c r="X9" s="122"/>
      <c r="Y9" s="122"/>
      <c r="Z9" s="122"/>
      <c r="AA9" s="122"/>
      <c r="AB9" s="122"/>
      <c r="AC9" s="122"/>
    </row>
    <row r="10" spans="2:29" ht="18" customHeight="1" x14ac:dyDescent="0.15">
      <c r="B10" s="121"/>
      <c r="C10" s="121"/>
      <c r="D10" s="121"/>
      <c r="E10" s="121"/>
      <c r="F10" s="121"/>
      <c r="G10" s="123" t="s">
        <v>92</v>
      </c>
      <c r="H10" s="123"/>
      <c r="I10" s="123"/>
      <c r="J10" s="123"/>
      <c r="K10" s="123"/>
      <c r="L10" s="123"/>
      <c r="M10" s="123"/>
      <c r="N10" s="123"/>
      <c r="O10" s="123"/>
      <c r="P10" s="123"/>
      <c r="Q10" s="123"/>
      <c r="R10" s="123"/>
      <c r="S10" s="123"/>
      <c r="T10" s="123"/>
      <c r="U10" s="123"/>
      <c r="V10" s="123"/>
      <c r="W10" s="123"/>
      <c r="X10" s="123"/>
      <c r="Y10" s="123"/>
      <c r="Z10" s="123"/>
      <c r="AA10" s="123"/>
      <c r="AB10" s="123"/>
      <c r="AC10" s="123"/>
    </row>
    <row r="11" spans="2:29" s="55" customFormat="1" x14ac:dyDescent="0.15"/>
    <row r="12" spans="2:29" s="55" customFormat="1" x14ac:dyDescent="0.15">
      <c r="B12" s="55" t="s">
        <v>93</v>
      </c>
    </row>
    <row r="13" spans="2:29" s="55" customFormat="1" x14ac:dyDescent="0.15">
      <c r="B13" s="55" t="s">
        <v>94</v>
      </c>
      <c r="AB13" s="56"/>
      <c r="AC13" s="56"/>
    </row>
    <row r="14" spans="2:29" s="55" customFormat="1" ht="6" customHeight="1" x14ac:dyDescent="0.15"/>
    <row r="15" spans="2:29" s="55" customFormat="1" ht="4.5" customHeight="1" x14ac:dyDescent="0.15">
      <c r="B15" s="126" t="s">
        <v>95</v>
      </c>
      <c r="C15" s="126"/>
      <c r="D15" s="126"/>
      <c r="E15" s="126"/>
      <c r="F15" s="126"/>
      <c r="G15" s="57"/>
      <c r="H15" s="58"/>
      <c r="I15" s="58"/>
      <c r="J15" s="58"/>
      <c r="K15" s="58"/>
      <c r="L15" s="58"/>
      <c r="M15" s="58"/>
      <c r="N15" s="58"/>
      <c r="O15" s="58"/>
      <c r="P15" s="58"/>
      <c r="Q15" s="58"/>
      <c r="R15" s="58"/>
      <c r="S15" s="58"/>
      <c r="T15" s="58"/>
      <c r="U15" s="58"/>
      <c r="V15" s="58"/>
      <c r="W15" s="58"/>
      <c r="X15" s="58"/>
      <c r="Y15" s="58"/>
      <c r="Z15" s="57"/>
      <c r="AA15" s="58"/>
      <c r="AB15" s="129"/>
      <c r="AC15" s="129"/>
    </row>
    <row r="16" spans="2:29" s="55" customFormat="1" ht="15.75" customHeight="1" x14ac:dyDescent="0.15">
      <c r="B16" s="126"/>
      <c r="C16" s="126"/>
      <c r="D16" s="126"/>
      <c r="E16" s="126"/>
      <c r="F16" s="126"/>
      <c r="G16" s="59"/>
      <c r="H16" s="55" t="s">
        <v>96</v>
      </c>
      <c r="Z16" s="60"/>
      <c r="AB16" s="130"/>
      <c r="AC16" s="130"/>
    </row>
    <row r="17" spans="2:29" s="55" customFormat="1" ht="18.75" customHeight="1" x14ac:dyDescent="0.15">
      <c r="B17" s="126"/>
      <c r="C17" s="126"/>
      <c r="D17" s="126"/>
      <c r="E17" s="126"/>
      <c r="F17" s="126"/>
      <c r="G17" s="59"/>
      <c r="I17" s="61" t="s">
        <v>97</v>
      </c>
      <c r="J17" s="127" t="s">
        <v>98</v>
      </c>
      <c r="K17" s="127"/>
      <c r="L17" s="127"/>
      <c r="M17" s="127"/>
      <c r="N17" s="127"/>
      <c r="O17" s="127"/>
      <c r="P17" s="127"/>
      <c r="Q17" s="127"/>
      <c r="R17" s="127"/>
      <c r="S17" s="127"/>
      <c r="T17" s="127"/>
      <c r="U17" s="62"/>
      <c r="V17" s="124"/>
      <c r="W17" s="124"/>
      <c r="X17" s="63" t="s">
        <v>99</v>
      </c>
      <c r="Z17" s="125"/>
      <c r="AA17" s="125"/>
      <c r="AB17" s="125"/>
      <c r="AC17" s="125"/>
    </row>
    <row r="18" spans="2:29" s="50" customFormat="1" ht="18.75" customHeight="1" x14ac:dyDescent="0.15">
      <c r="B18" s="126"/>
      <c r="C18" s="126"/>
      <c r="D18" s="126"/>
      <c r="E18" s="126"/>
      <c r="F18" s="126"/>
      <c r="G18" s="59"/>
      <c r="H18" s="55"/>
      <c r="I18" s="61" t="s">
        <v>100</v>
      </c>
      <c r="J18" s="64" t="s">
        <v>101</v>
      </c>
      <c r="K18" s="62"/>
      <c r="L18" s="62"/>
      <c r="M18" s="62"/>
      <c r="N18" s="62"/>
      <c r="O18" s="62"/>
      <c r="P18" s="62"/>
      <c r="Q18" s="62"/>
      <c r="R18" s="62"/>
      <c r="S18" s="62"/>
      <c r="T18" s="62"/>
      <c r="U18" s="63"/>
      <c r="V18" s="128"/>
      <c r="W18" s="128"/>
      <c r="X18" s="65" t="s">
        <v>99</v>
      </c>
      <c r="Y18" s="66"/>
      <c r="Z18" s="125" t="s">
        <v>102</v>
      </c>
      <c r="AA18" s="125"/>
      <c r="AB18" s="125"/>
      <c r="AC18" s="125"/>
    </row>
    <row r="19" spans="2:29" s="50" customFormat="1" x14ac:dyDescent="0.15">
      <c r="B19" s="126"/>
      <c r="C19" s="126"/>
      <c r="D19" s="126"/>
      <c r="E19" s="126"/>
      <c r="F19" s="126"/>
      <c r="G19" s="59"/>
      <c r="H19" s="55" t="s">
        <v>103</v>
      </c>
      <c r="I19" s="55"/>
      <c r="J19" s="55"/>
      <c r="K19" s="55"/>
      <c r="L19" s="55"/>
      <c r="M19" s="55"/>
      <c r="N19" s="55"/>
      <c r="O19" s="55"/>
      <c r="P19" s="55"/>
      <c r="Q19" s="55"/>
      <c r="R19" s="55"/>
      <c r="S19" s="55"/>
      <c r="T19" s="55"/>
      <c r="U19" s="55"/>
      <c r="V19" s="55"/>
      <c r="W19" s="55"/>
      <c r="X19" s="55"/>
      <c r="Y19" s="55"/>
      <c r="Z19" s="59"/>
      <c r="AA19" s="55"/>
      <c r="AB19" s="56"/>
      <c r="AC19" s="67"/>
    </row>
    <row r="20" spans="2:29" s="50" customFormat="1" ht="15.75" customHeight="1" x14ac:dyDescent="0.15">
      <c r="B20" s="126"/>
      <c r="C20" s="126"/>
      <c r="D20" s="126"/>
      <c r="E20" s="126"/>
      <c r="F20" s="126"/>
      <c r="G20" s="59"/>
      <c r="H20" s="55" t="s">
        <v>104</v>
      </c>
      <c r="I20" s="55"/>
      <c r="J20" s="55"/>
      <c r="K20" s="55"/>
      <c r="L20" s="55"/>
      <c r="M20" s="55"/>
      <c r="N20" s="55"/>
      <c r="O20" s="55"/>
      <c r="P20" s="55"/>
      <c r="Q20" s="55"/>
      <c r="R20" s="55"/>
      <c r="S20" s="55"/>
      <c r="T20" s="66"/>
      <c r="U20" s="55"/>
      <c r="V20" s="66"/>
      <c r="W20" s="55"/>
      <c r="X20" s="55"/>
      <c r="Y20" s="55"/>
      <c r="Z20" s="125"/>
      <c r="AA20" s="125"/>
      <c r="AB20" s="125"/>
      <c r="AC20" s="125"/>
    </row>
    <row r="21" spans="2:29" s="50" customFormat="1" ht="30" customHeight="1" x14ac:dyDescent="0.15">
      <c r="B21" s="126"/>
      <c r="C21" s="126"/>
      <c r="D21" s="126"/>
      <c r="E21" s="126"/>
      <c r="F21" s="126"/>
      <c r="G21" s="59"/>
      <c r="H21" s="55"/>
      <c r="I21" s="61" t="s">
        <v>105</v>
      </c>
      <c r="J21" s="114" t="s">
        <v>106</v>
      </c>
      <c r="K21" s="114"/>
      <c r="L21" s="114"/>
      <c r="M21" s="114"/>
      <c r="N21" s="114"/>
      <c r="O21" s="114"/>
      <c r="P21" s="114"/>
      <c r="Q21" s="114"/>
      <c r="R21" s="114"/>
      <c r="S21" s="114"/>
      <c r="T21" s="114"/>
      <c r="U21" s="114"/>
      <c r="V21" s="124"/>
      <c r="W21" s="124"/>
      <c r="X21" s="63" t="s">
        <v>99</v>
      </c>
      <c r="Y21" s="66"/>
      <c r="Z21" s="125" t="s">
        <v>102</v>
      </c>
      <c r="AA21" s="125"/>
      <c r="AB21" s="125"/>
      <c r="AC21" s="125"/>
    </row>
    <row r="22" spans="2:29" s="50" customFormat="1" ht="6" customHeight="1" x14ac:dyDescent="0.15">
      <c r="B22" s="126"/>
      <c r="C22" s="126"/>
      <c r="D22" s="126"/>
      <c r="E22" s="126"/>
      <c r="F22" s="126"/>
      <c r="G22" s="68"/>
      <c r="H22" s="69"/>
      <c r="I22" s="69"/>
      <c r="J22" s="69"/>
      <c r="K22" s="69"/>
      <c r="L22" s="69"/>
      <c r="M22" s="69"/>
      <c r="N22" s="69"/>
      <c r="O22" s="69"/>
      <c r="P22" s="69"/>
      <c r="Q22" s="69"/>
      <c r="R22" s="69"/>
      <c r="S22" s="69"/>
      <c r="T22" s="70"/>
      <c r="U22" s="70"/>
      <c r="V22" s="69"/>
      <c r="W22" s="69"/>
      <c r="X22" s="69"/>
      <c r="Y22" s="69"/>
      <c r="Z22" s="68"/>
      <c r="AA22" s="69"/>
      <c r="AB22" s="71"/>
      <c r="AC22" s="72"/>
    </row>
    <row r="23" spans="2:29" s="50" customFormat="1" ht="9.75" customHeight="1" x14ac:dyDescent="0.15">
      <c r="B23" s="73"/>
      <c r="C23" s="73"/>
      <c r="D23" s="73"/>
      <c r="E23" s="73"/>
      <c r="F23" s="73"/>
      <c r="G23" s="55"/>
      <c r="H23" s="55"/>
      <c r="I23" s="55"/>
      <c r="J23" s="55"/>
      <c r="K23" s="55"/>
      <c r="L23" s="55"/>
      <c r="M23" s="55"/>
      <c r="N23" s="55"/>
      <c r="O23" s="55"/>
      <c r="P23" s="55"/>
      <c r="Q23" s="55"/>
      <c r="R23" s="55"/>
      <c r="S23" s="55"/>
      <c r="T23" s="66"/>
      <c r="U23" s="66"/>
      <c r="V23" s="55"/>
      <c r="W23" s="55"/>
      <c r="X23" s="55"/>
      <c r="Y23" s="55"/>
      <c r="Z23" s="55"/>
      <c r="AA23" s="55"/>
      <c r="AB23" s="55"/>
      <c r="AC23" s="55"/>
    </row>
    <row r="24" spans="2:29" s="50" customFormat="1" x14ac:dyDescent="0.15">
      <c r="B24" s="55" t="s">
        <v>107</v>
      </c>
      <c r="C24" s="73"/>
      <c r="D24" s="73"/>
      <c r="E24" s="73"/>
      <c r="F24" s="73"/>
      <c r="G24" s="55"/>
      <c r="H24" s="55"/>
      <c r="I24" s="55"/>
      <c r="J24" s="55"/>
      <c r="K24" s="55"/>
      <c r="L24" s="55"/>
      <c r="M24" s="55"/>
      <c r="N24" s="55"/>
      <c r="O24" s="55"/>
      <c r="P24" s="55"/>
      <c r="Q24" s="55"/>
      <c r="R24" s="55"/>
      <c r="S24" s="55"/>
      <c r="T24" s="66"/>
      <c r="U24" s="66"/>
      <c r="V24" s="55"/>
      <c r="W24" s="55"/>
      <c r="X24" s="55"/>
      <c r="Y24" s="55"/>
      <c r="Z24" s="55"/>
      <c r="AA24" s="55"/>
      <c r="AB24" s="55"/>
      <c r="AC24" s="55"/>
    </row>
    <row r="25" spans="2:29" s="50" customFormat="1" ht="6.75" customHeight="1" x14ac:dyDescent="0.15">
      <c r="B25" s="73"/>
      <c r="C25" s="73"/>
      <c r="D25" s="73"/>
      <c r="E25" s="73"/>
      <c r="F25" s="73"/>
      <c r="G25" s="55"/>
      <c r="H25" s="55"/>
      <c r="I25" s="55"/>
      <c r="J25" s="55"/>
      <c r="K25" s="55"/>
      <c r="L25" s="55"/>
      <c r="M25" s="55"/>
      <c r="N25" s="55"/>
      <c r="O25" s="55"/>
      <c r="P25" s="55"/>
      <c r="Q25" s="55"/>
      <c r="R25" s="55"/>
      <c r="S25" s="55"/>
      <c r="T25" s="66"/>
      <c r="U25" s="66"/>
      <c r="V25" s="55"/>
      <c r="W25" s="55"/>
      <c r="X25" s="55"/>
      <c r="Y25" s="55"/>
      <c r="Z25" s="55"/>
      <c r="AA25" s="55"/>
      <c r="AB25" s="55"/>
      <c r="AC25" s="55"/>
    </row>
    <row r="26" spans="2:29" s="50" customFormat="1" ht="4.5" customHeight="1" x14ac:dyDescent="0.15">
      <c r="B26" s="126" t="s">
        <v>95</v>
      </c>
      <c r="C26" s="126"/>
      <c r="D26" s="126"/>
      <c r="E26" s="126"/>
      <c r="F26" s="126"/>
      <c r="G26" s="57"/>
      <c r="H26" s="58"/>
      <c r="I26" s="58"/>
      <c r="J26" s="58"/>
      <c r="K26" s="58"/>
      <c r="L26" s="58"/>
      <c r="M26" s="58"/>
      <c r="N26" s="58"/>
      <c r="O26" s="58"/>
      <c r="P26" s="58"/>
      <c r="Q26" s="58"/>
      <c r="R26" s="58"/>
      <c r="S26" s="58"/>
      <c r="T26" s="58"/>
      <c r="U26" s="58"/>
      <c r="V26" s="58"/>
      <c r="W26" s="58"/>
      <c r="X26" s="58"/>
      <c r="Y26" s="58"/>
      <c r="Z26" s="57"/>
      <c r="AA26" s="58"/>
      <c r="AB26" s="74"/>
      <c r="AC26" s="75"/>
    </row>
    <row r="27" spans="2:29" s="50" customFormat="1" ht="15.75" customHeight="1" x14ac:dyDescent="0.15">
      <c r="B27" s="126"/>
      <c r="C27" s="126"/>
      <c r="D27" s="126"/>
      <c r="E27" s="126"/>
      <c r="F27" s="126"/>
      <c r="G27" s="59"/>
      <c r="H27" s="55" t="s">
        <v>108</v>
      </c>
      <c r="I27" s="55"/>
      <c r="J27" s="55"/>
      <c r="K27" s="55"/>
      <c r="L27" s="55"/>
      <c r="M27" s="55"/>
      <c r="N27" s="55"/>
      <c r="O27" s="55"/>
      <c r="P27" s="55"/>
      <c r="Q27" s="55"/>
      <c r="R27" s="55"/>
      <c r="S27" s="55"/>
      <c r="T27" s="55"/>
      <c r="U27" s="55"/>
      <c r="V27" s="55"/>
      <c r="W27" s="55"/>
      <c r="X27" s="55"/>
      <c r="Y27" s="55"/>
      <c r="Z27" s="59"/>
      <c r="AA27" s="55"/>
      <c r="AB27" s="76"/>
      <c r="AC27" s="77"/>
    </row>
    <row r="28" spans="2:29" s="50" customFormat="1" ht="18.75" customHeight="1" x14ac:dyDescent="0.15">
      <c r="B28" s="126"/>
      <c r="C28" s="126"/>
      <c r="D28" s="126"/>
      <c r="E28" s="126"/>
      <c r="F28" s="126"/>
      <c r="G28" s="59"/>
      <c r="H28" s="55"/>
      <c r="I28" s="61" t="s">
        <v>97</v>
      </c>
      <c r="J28" s="127" t="s">
        <v>98</v>
      </c>
      <c r="K28" s="127"/>
      <c r="L28" s="127"/>
      <c r="M28" s="127"/>
      <c r="N28" s="127"/>
      <c r="O28" s="127"/>
      <c r="P28" s="127"/>
      <c r="Q28" s="127"/>
      <c r="R28" s="127"/>
      <c r="S28" s="127"/>
      <c r="T28" s="127"/>
      <c r="U28" s="63"/>
      <c r="V28" s="124"/>
      <c r="W28" s="124"/>
      <c r="X28" s="63" t="s">
        <v>99</v>
      </c>
      <c r="Y28" s="55"/>
      <c r="Z28" s="59"/>
      <c r="AA28" s="55"/>
      <c r="AB28" s="56"/>
      <c r="AC28" s="67"/>
    </row>
    <row r="29" spans="2:29" s="50" customFormat="1" ht="18.75" customHeight="1" x14ac:dyDescent="0.15">
      <c r="B29" s="126"/>
      <c r="C29" s="126"/>
      <c r="D29" s="126"/>
      <c r="E29" s="126"/>
      <c r="F29" s="126"/>
      <c r="G29" s="59"/>
      <c r="H29" s="55"/>
      <c r="I29" s="78" t="s">
        <v>100</v>
      </c>
      <c r="J29" s="79" t="s">
        <v>101</v>
      </c>
      <c r="K29" s="69"/>
      <c r="L29" s="69"/>
      <c r="M29" s="69"/>
      <c r="N29" s="69"/>
      <c r="O29" s="69"/>
      <c r="P29" s="69"/>
      <c r="Q29" s="69"/>
      <c r="R29" s="69"/>
      <c r="S29" s="69"/>
      <c r="T29" s="69"/>
      <c r="U29" s="65"/>
      <c r="V29" s="128"/>
      <c r="W29" s="128"/>
      <c r="X29" s="65" t="s">
        <v>99</v>
      </c>
      <c r="Y29" s="66"/>
      <c r="Z29" s="125" t="s">
        <v>102</v>
      </c>
      <c r="AA29" s="125"/>
      <c r="AB29" s="125"/>
      <c r="AC29" s="125"/>
    </row>
    <row r="30" spans="2:29" s="50" customFormat="1" ht="6" customHeight="1" x14ac:dyDescent="0.15">
      <c r="B30" s="126"/>
      <c r="C30" s="126"/>
      <c r="D30" s="126"/>
      <c r="E30" s="126"/>
      <c r="F30" s="126"/>
      <c r="G30" s="68"/>
      <c r="H30" s="69"/>
      <c r="I30" s="69"/>
      <c r="J30" s="69"/>
      <c r="K30" s="69"/>
      <c r="L30" s="69"/>
      <c r="M30" s="69"/>
      <c r="N30" s="69"/>
      <c r="O30" s="69"/>
      <c r="P30" s="69"/>
      <c r="Q30" s="69"/>
      <c r="R30" s="69"/>
      <c r="S30" s="69"/>
      <c r="T30" s="70"/>
      <c r="U30" s="70"/>
      <c r="V30" s="69"/>
      <c r="W30" s="69"/>
      <c r="X30" s="69"/>
      <c r="Y30" s="69"/>
      <c r="Z30" s="68"/>
      <c r="AA30" s="69"/>
      <c r="AB30" s="71"/>
      <c r="AC30" s="72"/>
    </row>
    <row r="31" spans="2:29" s="50" customFormat="1" ht="9.75" customHeight="1" x14ac:dyDescent="0.15">
      <c r="B31" s="73"/>
      <c r="C31" s="73"/>
      <c r="D31" s="73"/>
      <c r="E31" s="73"/>
      <c r="F31" s="73"/>
      <c r="G31" s="55"/>
      <c r="H31" s="55"/>
      <c r="I31" s="55"/>
      <c r="J31" s="55"/>
      <c r="K31" s="55"/>
      <c r="L31" s="55"/>
      <c r="M31" s="55"/>
      <c r="N31" s="55"/>
      <c r="O31" s="55"/>
      <c r="P31" s="55"/>
      <c r="Q31" s="55"/>
      <c r="R31" s="55"/>
      <c r="S31" s="55"/>
      <c r="T31" s="66"/>
      <c r="U31" s="66"/>
      <c r="V31" s="55"/>
      <c r="W31" s="55"/>
      <c r="X31" s="55"/>
      <c r="Y31" s="55"/>
      <c r="Z31" s="55"/>
      <c r="AA31" s="55"/>
      <c r="AB31" s="55"/>
      <c r="AC31" s="55"/>
    </row>
    <row r="32" spans="2:29" s="50" customFormat="1" ht="13.5" customHeight="1" x14ac:dyDescent="0.15">
      <c r="B32" s="55" t="s">
        <v>109</v>
      </c>
      <c r="C32" s="73"/>
      <c r="D32" s="73"/>
      <c r="E32" s="73"/>
      <c r="F32" s="73"/>
      <c r="G32" s="55"/>
      <c r="H32" s="55"/>
      <c r="I32" s="55"/>
      <c r="J32" s="55"/>
      <c r="K32" s="55"/>
      <c r="L32" s="55"/>
      <c r="M32" s="55"/>
      <c r="N32" s="55"/>
      <c r="O32" s="55"/>
      <c r="P32" s="55"/>
      <c r="Q32" s="55"/>
      <c r="R32" s="55"/>
      <c r="S32" s="55"/>
      <c r="T32" s="66"/>
      <c r="U32" s="66"/>
      <c r="V32" s="55"/>
      <c r="W32" s="55"/>
      <c r="X32" s="55"/>
      <c r="Y32" s="55"/>
      <c r="Z32" s="55"/>
      <c r="AA32" s="55"/>
      <c r="AB32" s="55"/>
      <c r="AC32" s="55"/>
    </row>
    <row r="33" spans="2:30" s="50" customFormat="1" ht="6.75" customHeight="1" x14ac:dyDescent="0.15">
      <c r="B33" s="73"/>
      <c r="C33" s="73"/>
      <c r="D33" s="73"/>
      <c r="E33" s="73"/>
      <c r="F33" s="73"/>
      <c r="G33" s="55"/>
      <c r="H33" s="55"/>
      <c r="I33" s="55"/>
      <c r="J33" s="55"/>
      <c r="K33" s="55"/>
      <c r="L33" s="55"/>
      <c r="M33" s="55"/>
      <c r="N33" s="55"/>
      <c r="O33" s="55"/>
      <c r="P33" s="55"/>
      <c r="Q33" s="55"/>
      <c r="R33" s="55"/>
      <c r="S33" s="55"/>
      <c r="T33" s="66"/>
      <c r="U33" s="66"/>
      <c r="V33" s="55"/>
      <c r="W33" s="55"/>
      <c r="X33" s="55"/>
      <c r="Y33" s="55"/>
      <c r="Z33" s="55"/>
      <c r="AA33" s="55"/>
      <c r="AB33" s="55"/>
      <c r="AC33" s="55"/>
    </row>
    <row r="34" spans="2:30" s="50" customFormat="1" ht="4.5" customHeight="1" x14ac:dyDescent="0.15">
      <c r="B34" s="126" t="s">
        <v>95</v>
      </c>
      <c r="C34" s="126"/>
      <c r="D34" s="126"/>
      <c r="E34" s="126"/>
      <c r="F34" s="126"/>
      <c r="G34" s="57"/>
      <c r="H34" s="58"/>
      <c r="I34" s="58"/>
      <c r="J34" s="58"/>
      <c r="K34" s="58"/>
      <c r="L34" s="58"/>
      <c r="M34" s="58"/>
      <c r="N34" s="58"/>
      <c r="O34" s="58"/>
      <c r="P34" s="58"/>
      <c r="Q34" s="58"/>
      <c r="R34" s="58"/>
      <c r="S34" s="58"/>
      <c r="T34" s="58"/>
      <c r="U34" s="58"/>
      <c r="V34" s="58"/>
      <c r="W34" s="58"/>
      <c r="X34" s="58"/>
      <c r="Y34" s="58"/>
      <c r="Z34" s="57"/>
      <c r="AA34" s="58"/>
      <c r="AB34" s="74"/>
      <c r="AC34" s="75"/>
    </row>
    <row r="35" spans="2:30" s="50" customFormat="1" ht="15.75" customHeight="1" x14ac:dyDescent="0.15">
      <c r="B35" s="126"/>
      <c r="C35" s="126"/>
      <c r="D35" s="126"/>
      <c r="E35" s="126"/>
      <c r="F35" s="126"/>
      <c r="G35" s="59"/>
      <c r="H35" s="55" t="s">
        <v>110</v>
      </c>
      <c r="I35" s="55"/>
      <c r="J35" s="55"/>
      <c r="K35" s="55"/>
      <c r="L35" s="55"/>
      <c r="M35" s="55"/>
      <c r="N35" s="55"/>
      <c r="O35" s="55"/>
      <c r="P35" s="55"/>
      <c r="Q35" s="55"/>
      <c r="R35" s="55"/>
      <c r="S35" s="55"/>
      <c r="T35" s="55"/>
      <c r="U35" s="55"/>
      <c r="V35" s="55"/>
      <c r="W35" s="55"/>
      <c r="X35" s="55"/>
      <c r="Y35" s="55"/>
      <c r="Z35" s="59"/>
      <c r="AA35" s="55"/>
      <c r="AB35" s="76"/>
      <c r="AC35" s="77"/>
    </row>
    <row r="36" spans="2:30" s="50" customFormat="1" ht="18.75" customHeight="1" x14ac:dyDescent="0.15">
      <c r="B36" s="126"/>
      <c r="C36" s="126"/>
      <c r="D36" s="126"/>
      <c r="E36" s="126"/>
      <c r="F36" s="126"/>
      <c r="G36" s="59"/>
      <c r="H36" s="55"/>
      <c r="I36" s="61" t="s">
        <v>97</v>
      </c>
      <c r="J36" s="127" t="s">
        <v>98</v>
      </c>
      <c r="K36" s="127"/>
      <c r="L36" s="127"/>
      <c r="M36" s="127"/>
      <c r="N36" s="127"/>
      <c r="O36" s="127"/>
      <c r="P36" s="127"/>
      <c r="Q36" s="127"/>
      <c r="R36" s="127"/>
      <c r="S36" s="127"/>
      <c r="T36" s="127"/>
      <c r="U36" s="63"/>
      <c r="V36" s="124"/>
      <c r="W36" s="124"/>
      <c r="X36" s="63" t="s">
        <v>99</v>
      </c>
      <c r="Y36" s="55"/>
      <c r="Z36" s="59"/>
      <c r="AA36" s="55"/>
      <c r="AB36" s="56"/>
      <c r="AC36" s="67"/>
    </row>
    <row r="37" spans="2:30" s="50" customFormat="1" ht="18.75" customHeight="1" x14ac:dyDescent="0.15">
      <c r="B37" s="126"/>
      <c r="C37" s="126"/>
      <c r="D37" s="126"/>
      <c r="E37" s="126"/>
      <c r="F37" s="126"/>
      <c r="G37" s="59"/>
      <c r="H37" s="55"/>
      <c r="I37" s="78" t="s">
        <v>100</v>
      </c>
      <c r="J37" s="79" t="s">
        <v>101</v>
      </c>
      <c r="K37" s="69"/>
      <c r="L37" s="69"/>
      <c r="M37" s="69"/>
      <c r="N37" s="69"/>
      <c r="O37" s="69"/>
      <c r="P37" s="69"/>
      <c r="Q37" s="69"/>
      <c r="R37" s="69"/>
      <c r="S37" s="69"/>
      <c r="T37" s="69"/>
      <c r="U37" s="65"/>
      <c r="V37" s="124"/>
      <c r="W37" s="124"/>
      <c r="X37" s="65" t="s">
        <v>99</v>
      </c>
      <c r="Y37" s="66"/>
      <c r="Z37" s="125" t="s">
        <v>102</v>
      </c>
      <c r="AA37" s="125"/>
      <c r="AB37" s="125"/>
      <c r="AC37" s="125"/>
    </row>
    <row r="38" spans="2:30" s="50" customFormat="1" ht="6" customHeight="1" x14ac:dyDescent="0.15">
      <c r="B38" s="126"/>
      <c r="C38" s="126"/>
      <c r="D38" s="126"/>
      <c r="E38" s="126"/>
      <c r="F38" s="126"/>
      <c r="G38" s="68"/>
      <c r="H38" s="69"/>
      <c r="I38" s="69"/>
      <c r="J38" s="69"/>
      <c r="K38" s="69"/>
      <c r="L38" s="69"/>
      <c r="M38" s="69"/>
      <c r="N38" s="69"/>
      <c r="O38" s="69"/>
      <c r="P38" s="69"/>
      <c r="Q38" s="69"/>
      <c r="R38" s="69"/>
      <c r="S38" s="69"/>
      <c r="T38" s="70"/>
      <c r="U38" s="70"/>
      <c r="V38" s="69"/>
      <c r="W38" s="69"/>
      <c r="X38" s="69"/>
      <c r="Y38" s="69"/>
      <c r="Z38" s="68"/>
      <c r="AA38" s="69"/>
      <c r="AB38" s="71"/>
      <c r="AC38" s="72"/>
    </row>
    <row r="39" spans="2:30" s="50" customFormat="1" ht="4.5" customHeight="1" x14ac:dyDescent="0.15">
      <c r="B39" s="126" t="s">
        <v>111</v>
      </c>
      <c r="C39" s="126"/>
      <c r="D39" s="126"/>
      <c r="E39" s="126"/>
      <c r="F39" s="126"/>
      <c r="G39" s="57"/>
      <c r="H39" s="58"/>
      <c r="I39" s="58"/>
      <c r="J39" s="58"/>
      <c r="K39" s="58"/>
      <c r="L39" s="58"/>
      <c r="M39" s="58"/>
      <c r="N39" s="58"/>
      <c r="O39" s="58"/>
      <c r="P39" s="58"/>
      <c r="Q39" s="58"/>
      <c r="R39" s="58"/>
      <c r="S39" s="58"/>
      <c r="T39" s="58"/>
      <c r="U39" s="58"/>
      <c r="V39" s="58"/>
      <c r="W39" s="58"/>
      <c r="X39" s="58"/>
      <c r="Y39" s="58"/>
      <c r="Z39" s="57"/>
      <c r="AA39" s="58"/>
      <c r="AB39" s="74"/>
      <c r="AC39" s="75"/>
    </row>
    <row r="40" spans="2:30" s="50" customFormat="1" ht="15.75" customHeight="1" x14ac:dyDescent="0.15">
      <c r="B40" s="126"/>
      <c r="C40" s="126"/>
      <c r="D40" s="126"/>
      <c r="E40" s="126"/>
      <c r="F40" s="126"/>
      <c r="G40" s="59"/>
      <c r="H40" s="55" t="s">
        <v>112</v>
      </c>
      <c r="I40" s="55"/>
      <c r="J40" s="55"/>
      <c r="K40" s="55"/>
      <c r="L40" s="55"/>
      <c r="M40" s="55"/>
      <c r="N40" s="55"/>
      <c r="O40" s="55"/>
      <c r="P40" s="55"/>
      <c r="Q40" s="55"/>
      <c r="R40" s="55"/>
      <c r="S40" s="55"/>
      <c r="T40" s="55"/>
      <c r="U40" s="55"/>
      <c r="V40" s="55"/>
      <c r="W40" s="55"/>
      <c r="X40" s="55"/>
      <c r="Y40" s="55"/>
      <c r="Z40" s="59"/>
      <c r="AA40" s="55"/>
      <c r="AB40" s="76"/>
      <c r="AC40" s="77"/>
    </row>
    <row r="41" spans="2:30" s="50" customFormat="1" ht="30" customHeight="1" x14ac:dyDescent="0.15">
      <c r="B41" s="126"/>
      <c r="C41" s="126"/>
      <c r="D41" s="126"/>
      <c r="E41" s="126"/>
      <c r="F41" s="126"/>
      <c r="G41" s="59"/>
      <c r="H41" s="55"/>
      <c r="I41" s="61" t="s">
        <v>97</v>
      </c>
      <c r="J41" s="133" t="s">
        <v>113</v>
      </c>
      <c r="K41" s="133"/>
      <c r="L41" s="133"/>
      <c r="M41" s="133"/>
      <c r="N41" s="133"/>
      <c r="O41" s="133"/>
      <c r="P41" s="133"/>
      <c r="Q41" s="133"/>
      <c r="R41" s="133"/>
      <c r="S41" s="133"/>
      <c r="T41" s="133"/>
      <c r="U41" s="133"/>
      <c r="V41" s="124"/>
      <c r="W41" s="124"/>
      <c r="X41" s="63" t="s">
        <v>99</v>
      </c>
      <c r="Y41" s="55"/>
      <c r="Z41" s="59"/>
      <c r="AA41" s="55"/>
      <c r="AB41" s="56"/>
      <c r="AC41" s="67"/>
    </row>
    <row r="42" spans="2:30" s="50" customFormat="1" ht="33" customHeight="1" x14ac:dyDescent="0.15">
      <c r="B42" s="126"/>
      <c r="C42" s="126"/>
      <c r="D42" s="126"/>
      <c r="E42" s="126"/>
      <c r="F42" s="126"/>
      <c r="G42" s="59"/>
      <c r="H42" s="55"/>
      <c r="I42" s="61" t="s">
        <v>100</v>
      </c>
      <c r="J42" s="133" t="s">
        <v>114</v>
      </c>
      <c r="K42" s="133"/>
      <c r="L42" s="133"/>
      <c r="M42" s="133"/>
      <c r="N42" s="133"/>
      <c r="O42" s="133"/>
      <c r="P42" s="133"/>
      <c r="Q42" s="133"/>
      <c r="R42" s="133"/>
      <c r="S42" s="133"/>
      <c r="T42" s="133"/>
      <c r="U42" s="133"/>
      <c r="V42" s="124"/>
      <c r="W42" s="124"/>
      <c r="X42" s="65" t="s">
        <v>99</v>
      </c>
      <c r="Y42" s="66"/>
      <c r="Z42" s="125" t="s">
        <v>102</v>
      </c>
      <c r="AA42" s="125"/>
      <c r="AB42" s="125"/>
      <c r="AC42" s="125"/>
    </row>
    <row r="43" spans="2:30" s="50" customFormat="1" ht="6" customHeight="1" x14ac:dyDescent="0.15">
      <c r="B43" s="126"/>
      <c r="C43" s="126"/>
      <c r="D43" s="126"/>
      <c r="E43" s="126"/>
      <c r="F43" s="126"/>
      <c r="G43" s="68"/>
      <c r="H43" s="69"/>
      <c r="I43" s="69"/>
      <c r="J43" s="69"/>
      <c r="K43" s="69"/>
      <c r="L43" s="69"/>
      <c r="M43" s="69"/>
      <c r="N43" s="69"/>
      <c r="O43" s="69"/>
      <c r="P43" s="69"/>
      <c r="Q43" s="69"/>
      <c r="R43" s="69"/>
      <c r="S43" s="69"/>
      <c r="T43" s="70"/>
      <c r="U43" s="70"/>
      <c r="V43" s="69"/>
      <c r="W43" s="69"/>
      <c r="X43" s="69"/>
      <c r="Y43" s="69"/>
      <c r="Z43" s="68"/>
      <c r="AA43" s="69"/>
      <c r="AB43" s="71"/>
      <c r="AC43" s="72"/>
    </row>
    <row r="44" spans="2:30" s="50" customFormat="1" ht="6" customHeight="1" x14ac:dyDescent="0.15">
      <c r="B44" s="73"/>
      <c r="C44" s="73"/>
      <c r="D44" s="73"/>
      <c r="E44" s="73"/>
      <c r="F44" s="73"/>
      <c r="G44" s="55"/>
      <c r="H44" s="55"/>
      <c r="I44" s="55"/>
      <c r="J44" s="55"/>
      <c r="K44" s="55"/>
      <c r="L44" s="55"/>
      <c r="M44" s="55"/>
      <c r="N44" s="55"/>
      <c r="O44" s="55"/>
      <c r="P44" s="55"/>
      <c r="Q44" s="55"/>
      <c r="R44" s="55"/>
      <c r="S44" s="55"/>
      <c r="T44" s="66"/>
      <c r="U44" s="66"/>
      <c r="V44" s="55"/>
      <c r="W44" s="55"/>
      <c r="X44" s="55"/>
      <c r="Y44" s="55"/>
      <c r="Z44" s="55"/>
      <c r="AA44" s="55"/>
      <c r="AB44" s="55"/>
      <c r="AC44" s="55"/>
    </row>
    <row r="45" spans="2:30" s="50" customFormat="1" ht="13.5" customHeight="1" x14ac:dyDescent="0.15">
      <c r="B45" s="131" t="s">
        <v>115</v>
      </c>
      <c r="C45" s="131"/>
      <c r="D45" s="132" t="s">
        <v>116</v>
      </c>
      <c r="E45" s="132"/>
      <c r="F45" s="132"/>
      <c r="G45" s="132"/>
      <c r="H45" s="132"/>
      <c r="I45" s="132"/>
      <c r="J45" s="132"/>
      <c r="K45" s="132"/>
      <c r="L45" s="132"/>
      <c r="M45" s="132"/>
      <c r="N45" s="132"/>
      <c r="O45" s="132"/>
      <c r="P45" s="132"/>
      <c r="Q45" s="132"/>
      <c r="R45" s="132"/>
      <c r="S45" s="132"/>
      <c r="T45" s="132"/>
      <c r="U45" s="132"/>
      <c r="V45" s="132"/>
      <c r="W45" s="132"/>
      <c r="X45" s="132"/>
      <c r="Y45" s="132"/>
      <c r="Z45" s="132"/>
      <c r="AA45" s="132"/>
      <c r="AB45" s="132"/>
      <c r="AC45" s="132"/>
      <c r="AD45" s="55"/>
    </row>
    <row r="46" spans="2:30" s="50" customFormat="1" ht="29.25" customHeight="1" x14ac:dyDescent="0.15">
      <c r="B46" s="131"/>
      <c r="C46" s="131"/>
      <c r="D46" s="132"/>
      <c r="E46" s="132"/>
      <c r="F46" s="132"/>
      <c r="G46" s="132"/>
      <c r="H46" s="132"/>
      <c r="I46" s="132"/>
      <c r="J46" s="132"/>
      <c r="K46" s="132"/>
      <c r="L46" s="132"/>
      <c r="M46" s="132"/>
      <c r="N46" s="132"/>
      <c r="O46" s="132"/>
      <c r="P46" s="132"/>
      <c r="Q46" s="132"/>
      <c r="R46" s="132"/>
      <c r="S46" s="132"/>
      <c r="T46" s="132"/>
      <c r="U46" s="132"/>
      <c r="V46" s="132"/>
      <c r="W46" s="132"/>
      <c r="X46" s="132"/>
      <c r="Y46" s="132"/>
      <c r="Z46" s="132"/>
      <c r="AA46" s="132"/>
      <c r="AB46" s="132"/>
      <c r="AC46" s="132"/>
      <c r="AD46" s="55"/>
    </row>
    <row r="47" spans="2:30" s="50" customFormat="1" ht="71.25" customHeight="1" x14ac:dyDescent="0.15">
      <c r="B47" s="80"/>
      <c r="C47" s="80"/>
      <c r="D47" s="80"/>
      <c r="E47" s="80"/>
      <c r="F47" s="80"/>
      <c r="G47" s="80"/>
      <c r="H47" s="80"/>
      <c r="I47" s="80"/>
      <c r="J47" s="80"/>
      <c r="K47" s="80"/>
      <c r="L47" s="80"/>
      <c r="M47" s="80"/>
      <c r="N47" s="80"/>
      <c r="O47" s="80"/>
      <c r="P47" s="80"/>
      <c r="Q47" s="80"/>
      <c r="R47" s="80"/>
      <c r="S47" s="80"/>
      <c r="T47" s="80"/>
      <c r="U47" s="80"/>
      <c r="V47" s="80"/>
      <c r="W47" s="80"/>
      <c r="X47" s="80"/>
      <c r="Y47" s="80"/>
      <c r="Z47" s="80"/>
      <c r="AA47" s="80"/>
      <c r="AB47" s="80"/>
      <c r="AC47" s="80"/>
      <c r="AD47" s="55"/>
    </row>
    <row r="48" spans="2:30" s="50" customFormat="1" x14ac:dyDescent="0.15">
      <c r="B48" s="81"/>
      <c r="C48" s="81"/>
      <c r="D48" s="81"/>
      <c r="E48" s="81"/>
      <c r="F48" s="81"/>
      <c r="G48" s="81"/>
      <c r="H48" s="81"/>
      <c r="I48" s="81"/>
      <c r="J48" s="81"/>
      <c r="K48" s="81"/>
      <c r="L48" s="81"/>
      <c r="M48" s="81"/>
      <c r="N48" s="81"/>
      <c r="O48" s="81"/>
      <c r="P48" s="81"/>
      <c r="Q48" s="81"/>
      <c r="R48" s="81"/>
      <c r="S48" s="81"/>
      <c r="T48" s="81"/>
      <c r="U48" s="81"/>
      <c r="V48" s="81"/>
      <c r="W48" s="81"/>
      <c r="X48" s="81"/>
      <c r="Y48" s="81"/>
      <c r="Z48" s="81"/>
      <c r="AA48" s="81"/>
      <c r="AB48" s="81"/>
      <c r="AC48" s="81"/>
      <c r="AD48" s="55"/>
    </row>
    <row r="49" spans="2:29" s="82" customFormat="1" x14ac:dyDescent="0.15"/>
    <row r="50" spans="2:29" x14ac:dyDescent="0.15">
      <c r="B50" s="82"/>
      <c r="C50" s="82"/>
      <c r="D50" s="82"/>
      <c r="E50" s="82"/>
      <c r="F50" s="82"/>
      <c r="G50" s="82"/>
      <c r="H50" s="82"/>
      <c r="I50" s="82"/>
      <c r="J50" s="82"/>
      <c r="K50" s="82"/>
      <c r="L50" s="82"/>
      <c r="M50" s="82"/>
      <c r="N50" s="82"/>
      <c r="O50" s="82"/>
      <c r="P50" s="82"/>
      <c r="Q50" s="82"/>
      <c r="R50" s="82"/>
      <c r="S50" s="82"/>
      <c r="T50" s="82"/>
      <c r="U50" s="82"/>
      <c r="V50" s="82"/>
      <c r="W50" s="82"/>
      <c r="X50" s="82"/>
      <c r="Y50" s="82"/>
      <c r="Z50" s="82"/>
      <c r="AA50" s="82"/>
      <c r="AB50" s="82"/>
      <c r="AC50" s="82"/>
    </row>
    <row r="51" spans="2:29" x14ac:dyDescent="0.15">
      <c r="B51" s="82"/>
      <c r="C51" s="82"/>
      <c r="D51" s="82"/>
      <c r="E51" s="82"/>
      <c r="F51" s="82"/>
      <c r="G51" s="82"/>
      <c r="H51" s="82"/>
      <c r="I51" s="82"/>
      <c r="J51" s="82"/>
      <c r="K51" s="82"/>
      <c r="L51" s="82"/>
      <c r="M51" s="82"/>
      <c r="N51" s="82"/>
      <c r="O51" s="82"/>
      <c r="P51" s="82"/>
      <c r="Q51" s="82"/>
      <c r="R51" s="82"/>
      <c r="S51" s="82"/>
      <c r="T51" s="82"/>
      <c r="U51" s="82"/>
      <c r="V51" s="82"/>
      <c r="W51" s="82"/>
      <c r="X51" s="82"/>
      <c r="Y51" s="82"/>
      <c r="Z51" s="82"/>
      <c r="AA51" s="82"/>
      <c r="AB51" s="82"/>
      <c r="AC51" s="82"/>
    </row>
    <row r="52" spans="2:29" s="82" customFormat="1" x14ac:dyDescent="0.15">
      <c r="B52" s="83"/>
      <c r="C52" s="54"/>
      <c r="D52" s="54"/>
      <c r="E52" s="54"/>
      <c r="F52" s="54"/>
      <c r="G52" s="54"/>
      <c r="H52" s="54"/>
      <c r="I52" s="54"/>
      <c r="J52" s="54"/>
      <c r="K52" s="54"/>
      <c r="L52" s="54"/>
      <c r="M52" s="54"/>
      <c r="N52" s="54"/>
      <c r="O52" s="54"/>
      <c r="P52" s="54"/>
      <c r="Q52" s="54"/>
      <c r="R52" s="54"/>
      <c r="S52" s="54"/>
      <c r="T52" s="54"/>
      <c r="U52" s="54"/>
      <c r="V52" s="54"/>
      <c r="W52" s="54"/>
      <c r="X52" s="54"/>
      <c r="Y52" s="54"/>
      <c r="Z52" s="54"/>
      <c r="AA52" s="54"/>
      <c r="AB52" s="54"/>
      <c r="AC52" s="54"/>
    </row>
    <row r="53" spans="2:29" s="82" customFormat="1" ht="13.5" customHeight="1" x14ac:dyDescent="0.15">
      <c r="B53" s="83"/>
      <c r="C53" s="54"/>
      <c r="D53" s="54"/>
      <c r="E53" s="54"/>
      <c r="F53" s="54"/>
      <c r="G53" s="54"/>
      <c r="H53" s="54"/>
      <c r="I53" s="54"/>
      <c r="J53" s="54"/>
      <c r="K53" s="54"/>
      <c r="L53" s="54"/>
      <c r="M53" s="54"/>
      <c r="N53" s="54"/>
      <c r="O53" s="54"/>
      <c r="P53" s="54"/>
      <c r="Q53" s="54"/>
      <c r="R53" s="54"/>
      <c r="S53" s="54"/>
      <c r="T53" s="54"/>
      <c r="U53" s="54"/>
      <c r="V53" s="54"/>
      <c r="W53" s="54"/>
      <c r="X53" s="54"/>
      <c r="Y53" s="54"/>
      <c r="Z53" s="54"/>
      <c r="AA53" s="54"/>
      <c r="AB53" s="54"/>
      <c r="AC53" s="54"/>
    </row>
    <row r="54" spans="2:29" s="82" customFormat="1" ht="13.5" customHeight="1" x14ac:dyDescent="0.15">
      <c r="B54" s="83"/>
      <c r="C54" s="54"/>
      <c r="D54" s="54"/>
      <c r="E54" s="54"/>
      <c r="F54" s="54"/>
      <c r="G54" s="54"/>
      <c r="H54" s="54"/>
      <c r="I54" s="54"/>
      <c r="J54" s="54"/>
      <c r="K54" s="54"/>
      <c r="L54" s="54"/>
      <c r="M54" s="54"/>
      <c r="N54" s="54"/>
      <c r="O54" s="54"/>
      <c r="P54" s="54"/>
      <c r="Q54" s="54"/>
      <c r="R54" s="54"/>
      <c r="S54" s="54"/>
      <c r="T54" s="54"/>
      <c r="U54" s="54"/>
      <c r="V54" s="54"/>
      <c r="W54" s="54"/>
      <c r="X54" s="54"/>
      <c r="Y54" s="54"/>
      <c r="Z54" s="54"/>
      <c r="AA54" s="54"/>
      <c r="AB54" s="54"/>
      <c r="AC54" s="54"/>
    </row>
    <row r="55" spans="2:29" s="82" customFormat="1" x14ac:dyDescent="0.15">
      <c r="B55" s="83"/>
      <c r="C55" s="54"/>
      <c r="D55" s="54"/>
      <c r="E55" s="54"/>
      <c r="F55" s="54"/>
      <c r="G55" s="54"/>
      <c r="H55" s="54"/>
      <c r="I55" s="54"/>
      <c r="J55" s="54"/>
      <c r="K55" s="54"/>
      <c r="L55" s="54"/>
      <c r="M55" s="54"/>
      <c r="N55" s="54"/>
      <c r="O55" s="54"/>
      <c r="P55" s="54"/>
      <c r="Q55" s="54"/>
      <c r="R55" s="54"/>
      <c r="S55" s="54"/>
      <c r="T55" s="54"/>
      <c r="U55" s="54"/>
      <c r="V55" s="54"/>
      <c r="W55" s="54"/>
      <c r="X55" s="54"/>
      <c r="Y55" s="54"/>
      <c r="Z55" s="54"/>
      <c r="AA55" s="54"/>
      <c r="AB55" s="54"/>
      <c r="AC55" s="54"/>
    </row>
    <row r="56" spans="2:29" s="82" customFormat="1" x14ac:dyDescent="0.15">
      <c r="B56" s="83"/>
      <c r="C56" s="54"/>
      <c r="D56" s="54"/>
      <c r="E56" s="54"/>
      <c r="F56" s="54"/>
      <c r="G56" s="54"/>
      <c r="H56" s="54"/>
      <c r="I56" s="54"/>
      <c r="J56" s="54"/>
      <c r="K56" s="54"/>
      <c r="L56" s="54"/>
      <c r="M56" s="54"/>
      <c r="N56" s="54"/>
      <c r="O56" s="54"/>
      <c r="P56" s="54"/>
      <c r="Q56" s="54"/>
      <c r="R56" s="54"/>
      <c r="S56" s="54"/>
      <c r="T56" s="54"/>
      <c r="U56" s="54"/>
      <c r="V56" s="54"/>
      <c r="W56" s="54"/>
      <c r="X56" s="54"/>
      <c r="Y56" s="54"/>
      <c r="Z56" s="54"/>
      <c r="AA56" s="54"/>
      <c r="AB56" s="54"/>
      <c r="AC56" s="54"/>
    </row>
    <row r="57" spans="2:29" s="82" customFormat="1" x14ac:dyDescent="0.15">
      <c r="B57" s="83"/>
      <c r="C57" s="54"/>
      <c r="D57" s="54"/>
      <c r="E57" s="54"/>
      <c r="F57" s="54"/>
      <c r="G57" s="54"/>
      <c r="H57" s="54"/>
      <c r="I57" s="54"/>
      <c r="J57" s="54"/>
      <c r="K57" s="54"/>
      <c r="L57" s="54"/>
      <c r="M57" s="54"/>
      <c r="N57" s="54"/>
      <c r="O57" s="54"/>
      <c r="P57" s="54"/>
      <c r="Q57" s="54"/>
      <c r="R57" s="54"/>
      <c r="S57" s="54"/>
      <c r="T57" s="54"/>
      <c r="U57" s="54"/>
      <c r="V57" s="54"/>
      <c r="W57" s="54"/>
      <c r="X57" s="54"/>
      <c r="Y57" s="54"/>
      <c r="Z57" s="54"/>
      <c r="AA57" s="54"/>
      <c r="AB57" s="54"/>
      <c r="AC57" s="54"/>
    </row>
    <row r="58" spans="2:29" ht="156" customHeight="1" x14ac:dyDescent="0.15"/>
  </sheetData>
  <sheetProtection selectLockedCells="1" selectUnlockedCells="1"/>
  <mergeCells count="40">
    <mergeCell ref="Z42:AC42"/>
    <mergeCell ref="B45:C45"/>
    <mergeCell ref="D45:AC45"/>
    <mergeCell ref="B46:C46"/>
    <mergeCell ref="D46:AC46"/>
    <mergeCell ref="B39:F43"/>
    <mergeCell ref="J41:U41"/>
    <mergeCell ref="V41:W41"/>
    <mergeCell ref="J42:U42"/>
    <mergeCell ref="V42:W42"/>
    <mergeCell ref="Z17:AC17"/>
    <mergeCell ref="V18:W18"/>
    <mergeCell ref="Z18:AC18"/>
    <mergeCell ref="Z20:AC20"/>
    <mergeCell ref="B34:F38"/>
    <mergeCell ref="J36:T36"/>
    <mergeCell ref="V36:W36"/>
    <mergeCell ref="V37:W37"/>
    <mergeCell ref="Z37:AC37"/>
    <mergeCell ref="B26:F30"/>
    <mergeCell ref="J28:T28"/>
    <mergeCell ref="V28:W28"/>
    <mergeCell ref="V29:W29"/>
    <mergeCell ref="Z29:AC29"/>
    <mergeCell ref="J21:U21"/>
    <mergeCell ref="B5:AB5"/>
    <mergeCell ref="B7:F7"/>
    <mergeCell ref="G7:AC7"/>
    <mergeCell ref="B8:F8"/>
    <mergeCell ref="G8:W8"/>
    <mergeCell ref="B9:F10"/>
    <mergeCell ref="G9:AC9"/>
    <mergeCell ref="G10:AC10"/>
    <mergeCell ref="V21:W21"/>
    <mergeCell ref="Z21:AC21"/>
    <mergeCell ref="B15:F22"/>
    <mergeCell ref="AB15:AC15"/>
    <mergeCell ref="AB16:AC16"/>
    <mergeCell ref="J17:T17"/>
    <mergeCell ref="V17:W17"/>
  </mergeCells>
  <phoneticPr fontId="12"/>
  <printOptions horizontalCentered="1"/>
  <pageMargins left="0.59027777777777779" right="0.59027777777777779" top="0.39374999999999999" bottom="0.51180555555555551" header="0.51180555555555551" footer="0.51180555555555551"/>
  <pageSetup paperSize="9" firstPageNumber="0" fitToHeight="0" orientation="portrait" useFirstPageNumber="1" horizontalDpi="300" verticalDpi="300" r:id="rId1"/>
  <headerFooter alignWithMargins="0">
    <oddFooter>&amp;C&amp;"HGSｺﾞｼｯｸM,標準"&amp;16 1－&amp;P</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4</vt:i4>
      </vt:variant>
    </vt:vector>
  </HeadingPairs>
  <TitlesOfParts>
    <vt:vector size="8" baseType="lpstr">
      <vt:lpstr>★別紙２</vt:lpstr>
      <vt:lpstr>添付資料</vt:lpstr>
      <vt:lpstr>別紙27</vt:lpstr>
      <vt:lpstr>別紙29</vt:lpstr>
      <vt:lpstr>★別紙２!Print_Area</vt:lpstr>
      <vt:lpstr>別紙27!Print_Area</vt:lpstr>
      <vt:lpstr>別紙29!Print_Area</vt:lpstr>
      <vt:lpstr>★別紙２!Z_918D9391_3166_42FD_8CCC_73DDA136E9AD__wvu_Print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山口　慶</dc:creator>
  <cp:lastModifiedBy>山口　慶</cp:lastModifiedBy>
  <cp:lastPrinted>2021-03-26T10:21:49Z</cp:lastPrinted>
  <dcterms:created xsi:type="dcterms:W3CDTF">2021-03-26T09:44:14Z</dcterms:created>
  <dcterms:modified xsi:type="dcterms:W3CDTF">2021-03-26T10:29:5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ppVersion">
    <vt:lpwstr>14.0300</vt:lpwstr>
  </property>
  <property fmtid="{D5CDD505-2E9C-101B-9397-08002B2CF9AE}" pid="3" name="DocSecurity">
    <vt:i4>0</vt:i4>
  </property>
  <property fmtid="{D5CDD505-2E9C-101B-9397-08002B2CF9AE}" pid="4" name="HyperlinksChanged">
    <vt:bool>false</vt:bool>
  </property>
  <property fmtid="{D5CDD505-2E9C-101B-9397-08002B2CF9AE}" pid="5" name="LinksUpToDate">
    <vt:bool>false</vt:bool>
  </property>
  <property fmtid="{D5CDD505-2E9C-101B-9397-08002B2CF9AE}" pid="6" name="ScaleCrop">
    <vt:bool>false</vt:bool>
  </property>
  <property fmtid="{D5CDD505-2E9C-101B-9397-08002B2CF9AE}" pid="7" name="ShareDoc">
    <vt:bool>false</vt:bool>
  </property>
</Properties>
</file>